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J:\s1\（大分類）２企画\３福祉避難所\福祉避難所大岩フォルダ\20230315_施設へマニュアルの送付\HP\"/>
    </mc:Choice>
  </mc:AlternateContent>
  <xr:revisionPtr revIDLastSave="0" documentId="13_ncr:1_{E1409F27-CD3F-4178-8710-DE96AB397172}" xr6:coauthVersionLast="47" xr6:coauthVersionMax="47" xr10:uidLastSave="{00000000-0000-0000-0000-000000000000}"/>
  <bookViews>
    <workbookView xWindow="23929" yWindow="-113" windowWidth="24267" windowHeight="13148" xr2:uid="{00000000-000D-0000-FFFF-FFFF00000000}"/>
  </bookViews>
  <sheets>
    <sheet name="全体フロ―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8" uniqueCount="37">
  <si>
    <t>項目</t>
    <rPh sb="0" eb="2">
      <t>コウモク</t>
    </rPh>
    <phoneticPr fontId="2"/>
  </si>
  <si>
    <t>発災直後～24時間以内</t>
    <rPh sb="0" eb="2">
      <t>ハッサイ</t>
    </rPh>
    <rPh sb="2" eb="4">
      <t>チョクゴ</t>
    </rPh>
    <rPh sb="7" eb="9">
      <t>ジカン</t>
    </rPh>
    <rPh sb="9" eb="11">
      <t>イナイ</t>
    </rPh>
    <phoneticPr fontId="2"/>
  </si>
  <si>
    <t>開設要請</t>
    <rPh sb="0" eb="2">
      <t>カイセツ</t>
    </rPh>
    <rPh sb="2" eb="4">
      <t>ヨウセイ</t>
    </rPh>
    <phoneticPr fontId="2"/>
  </si>
  <si>
    <t>1
2</t>
    <phoneticPr fontId="2"/>
  </si>
  <si>
    <t>関連書類（様式）</t>
    <phoneticPr fontId="2"/>
  </si>
  <si>
    <t>No.</t>
    <phoneticPr fontId="2"/>
  </si>
  <si>
    <t>名称</t>
    <rPh sb="0" eb="2">
      <t>メイショウ</t>
    </rPh>
    <phoneticPr fontId="2"/>
  </si>
  <si>
    <t>被災状況ﾁｪｯｸﾘｽﾄ
開設要請書</t>
    <rPh sb="0" eb="2">
      <t>ヒサイ</t>
    </rPh>
    <rPh sb="2" eb="4">
      <t>ジョウキョウ</t>
    </rPh>
    <rPh sb="12" eb="14">
      <t>カイセツ</t>
    </rPh>
    <rPh sb="14" eb="17">
      <t>ヨウセイショ</t>
    </rPh>
    <phoneticPr fontId="2"/>
  </si>
  <si>
    <t>（　　　　　）課
施設</t>
    <phoneticPr fontId="2"/>
  </si>
  <si>
    <t>3
4
5
6
7</t>
    <phoneticPr fontId="2"/>
  </si>
  <si>
    <t>人材派遣依頼書
主食依頼書
物資依頼書
食糧・物資調達記録簿
要配慮者状況確認票</t>
    <rPh sb="0" eb="2">
      <t>ジンザイ</t>
    </rPh>
    <rPh sb="2" eb="4">
      <t>ハケン</t>
    </rPh>
    <rPh sb="4" eb="7">
      <t>イライショ</t>
    </rPh>
    <rPh sb="8" eb="10">
      <t>シュショク</t>
    </rPh>
    <rPh sb="10" eb="13">
      <t>イライショ</t>
    </rPh>
    <rPh sb="14" eb="16">
      <t>ブッシ</t>
    </rPh>
    <rPh sb="16" eb="19">
      <t>イライショ</t>
    </rPh>
    <rPh sb="20" eb="22">
      <t>ショクリョウ</t>
    </rPh>
    <rPh sb="23" eb="25">
      <t>ブッシ</t>
    </rPh>
    <rPh sb="25" eb="27">
      <t>チョウタツ</t>
    </rPh>
    <rPh sb="27" eb="30">
      <t>キロクボ</t>
    </rPh>
    <rPh sb="31" eb="32">
      <t>ヨウ</t>
    </rPh>
    <rPh sb="32" eb="34">
      <t>ハイリョ</t>
    </rPh>
    <rPh sb="34" eb="35">
      <t>シャ</t>
    </rPh>
    <rPh sb="35" eb="37">
      <t>ジョウキョウ</t>
    </rPh>
    <rPh sb="37" eb="39">
      <t>カクニン</t>
    </rPh>
    <rPh sb="39" eb="40">
      <t>ヒョウ</t>
    </rPh>
    <phoneticPr fontId="2"/>
  </si>
  <si>
    <t>施設
施設
施設
施設
（　　　　　）課</t>
    <rPh sb="0" eb="2">
      <t>シセツ</t>
    </rPh>
    <rPh sb="19" eb="20">
      <t>カ</t>
    </rPh>
    <phoneticPr fontId="2"/>
  </si>
  <si>
    <t>（　　　　　）課
（　　　　　）課
（　　　　　）課
-
施設</t>
    <phoneticPr fontId="2"/>
  </si>
  <si>
    <t>受入開始</t>
    <rPh sb="0" eb="2">
      <t>ウケイレ</t>
    </rPh>
    <rPh sb="2" eb="4">
      <t>カイシ</t>
    </rPh>
    <phoneticPr fontId="2"/>
  </si>
  <si>
    <t>24時間～7日以内</t>
    <rPh sb="2" eb="4">
      <t>ジカン</t>
    </rPh>
    <rPh sb="6" eb="7">
      <t>ニチ</t>
    </rPh>
    <rPh sb="7" eb="9">
      <t>イナイ</t>
    </rPh>
    <phoneticPr fontId="2"/>
  </si>
  <si>
    <t>避難所運営</t>
    <rPh sb="0" eb="3">
      <t>ヒナンジョ</t>
    </rPh>
    <rPh sb="3" eb="5">
      <t>ウンエイ</t>
    </rPh>
    <phoneticPr fontId="2"/>
  </si>
  <si>
    <t>閉鎖準備</t>
    <rPh sb="0" eb="2">
      <t>ヘイサ</t>
    </rPh>
    <rPh sb="2" eb="4">
      <t>ジュンビ</t>
    </rPh>
    <phoneticPr fontId="2"/>
  </si>
  <si>
    <t>閉鎖後</t>
    <rPh sb="0" eb="2">
      <t>ヘイサ</t>
    </rPh>
    <rPh sb="2" eb="3">
      <t>ゴ</t>
    </rPh>
    <phoneticPr fontId="2"/>
  </si>
  <si>
    <t>費用請求</t>
    <rPh sb="0" eb="2">
      <t>ヒヨウ</t>
    </rPh>
    <rPh sb="2" eb="4">
      <t>セイキュウ</t>
    </rPh>
    <phoneticPr fontId="2"/>
  </si>
  <si>
    <t>8
9
10
11-16</t>
    <phoneticPr fontId="2"/>
  </si>
  <si>
    <t>要配慮者受入要請書
要配慮者移送要請書
避難者名簿
福祉避難所運営日誌　等</t>
    <rPh sb="0" eb="1">
      <t>ヨウ</t>
    </rPh>
    <rPh sb="1" eb="3">
      <t>ハイリョ</t>
    </rPh>
    <rPh sb="3" eb="4">
      <t>シャ</t>
    </rPh>
    <rPh sb="4" eb="6">
      <t>ウケイレ</t>
    </rPh>
    <rPh sb="6" eb="9">
      <t>ヨウセイショ</t>
    </rPh>
    <rPh sb="10" eb="11">
      <t>ヨウ</t>
    </rPh>
    <rPh sb="11" eb="13">
      <t>ハイリョ</t>
    </rPh>
    <rPh sb="13" eb="14">
      <t>シャ</t>
    </rPh>
    <rPh sb="14" eb="16">
      <t>イソウ</t>
    </rPh>
    <rPh sb="16" eb="19">
      <t>ヨウセイショ</t>
    </rPh>
    <rPh sb="20" eb="23">
      <t>ヒナンシャ</t>
    </rPh>
    <rPh sb="23" eb="25">
      <t>メイボ</t>
    </rPh>
    <rPh sb="26" eb="28">
      <t>フクシ</t>
    </rPh>
    <rPh sb="28" eb="31">
      <t>ヒナンジョ</t>
    </rPh>
    <rPh sb="31" eb="33">
      <t>ウンエイ</t>
    </rPh>
    <rPh sb="33" eb="35">
      <t>ニッシ</t>
    </rPh>
    <rPh sb="36" eb="37">
      <t>トウ</t>
    </rPh>
    <phoneticPr fontId="2"/>
  </si>
  <si>
    <t>（　　　　　）課
（　　　　　）課
施設
施設</t>
    <rPh sb="18" eb="20">
      <t>シセツ</t>
    </rPh>
    <phoneticPr fontId="2"/>
  </si>
  <si>
    <t>施設
施設
（　　　　　）課
-</t>
    <phoneticPr fontId="2"/>
  </si>
  <si>
    <t>3
4
5</t>
    <phoneticPr fontId="2"/>
  </si>
  <si>
    <t>人材派遣依頼書
主食依頼書
物資依頼書</t>
    <rPh sb="0" eb="2">
      <t>ジンザイ</t>
    </rPh>
    <rPh sb="2" eb="4">
      <t>ハケン</t>
    </rPh>
    <rPh sb="4" eb="7">
      <t>イライショ</t>
    </rPh>
    <rPh sb="8" eb="10">
      <t>シュショク</t>
    </rPh>
    <rPh sb="10" eb="13">
      <t>イライショ</t>
    </rPh>
    <rPh sb="14" eb="16">
      <t>ブッシ</t>
    </rPh>
    <rPh sb="16" eb="19">
      <t>イライショ</t>
    </rPh>
    <phoneticPr fontId="2"/>
  </si>
  <si>
    <t>施設
施設
施設</t>
    <rPh sb="0" eb="2">
      <t>シセツ</t>
    </rPh>
    <phoneticPr fontId="2"/>
  </si>
  <si>
    <t>（　　　　　）課
（　　　　　）課
（　　　　　）課</t>
    <phoneticPr fontId="2"/>
  </si>
  <si>
    <t>17
18</t>
    <phoneticPr fontId="2"/>
  </si>
  <si>
    <t>福祉避難所運営経費請求書</t>
    <rPh sb="0" eb="2">
      <t>フクシ</t>
    </rPh>
    <rPh sb="2" eb="5">
      <t>ヒナンジョ</t>
    </rPh>
    <rPh sb="5" eb="7">
      <t>ウンエイ</t>
    </rPh>
    <rPh sb="7" eb="9">
      <t>ケイヒ</t>
    </rPh>
    <rPh sb="9" eb="12">
      <t>セイキュウショ</t>
    </rPh>
    <phoneticPr fontId="2"/>
  </si>
  <si>
    <t>施設</t>
    <rPh sb="0" eb="2">
      <t>シセツ</t>
    </rPh>
    <phoneticPr fontId="2"/>
  </si>
  <si>
    <t>（　　　　　）課</t>
    <phoneticPr fontId="2"/>
  </si>
  <si>
    <t>発信元　　⇒　　受信先</t>
    <rPh sb="0" eb="2">
      <t>ハッシン</t>
    </rPh>
    <rPh sb="2" eb="3">
      <t>モト</t>
    </rPh>
    <rPh sb="8" eb="10">
      <t>ジュシン</t>
    </rPh>
    <rPh sb="10" eb="11">
      <t>サキ</t>
    </rPh>
    <phoneticPr fontId="2"/>
  </si>
  <si>
    <r>
      <t xml:space="preserve">時期
</t>
    </r>
    <r>
      <rPr>
        <sz val="8"/>
        <color theme="1"/>
        <rFont val="HG丸ｺﾞｼｯｸM-PRO"/>
        <family val="3"/>
        <charset val="128"/>
      </rPr>
      <t>※目安</t>
    </r>
    <rPh sb="0" eb="2">
      <t>ジキ</t>
    </rPh>
    <rPh sb="4" eb="6">
      <t>メヤス</t>
    </rPh>
    <phoneticPr fontId="2"/>
  </si>
  <si>
    <t xml:space="preserve">福祉避難所開設から閉鎖までの全体像（フロー） </t>
    <phoneticPr fontId="2"/>
  </si>
  <si>
    <t>富山市（災害対策本部）</t>
    <rPh sb="0" eb="3">
      <t>トヤマシ</t>
    </rPh>
    <rPh sb="4" eb="6">
      <t>サイガイ</t>
    </rPh>
    <rPh sb="6" eb="8">
      <t>タイサク</t>
    </rPh>
    <rPh sb="8" eb="10">
      <t>ホンブ</t>
    </rPh>
    <phoneticPr fontId="2"/>
  </si>
  <si>
    <t>受入（開設）準備</t>
    <rPh sb="0" eb="2">
      <t>ウケイレ</t>
    </rPh>
    <rPh sb="3" eb="5">
      <t>カイセツ</t>
    </rPh>
    <rPh sb="6" eb="8">
      <t>ジュンビ</t>
    </rPh>
    <phoneticPr fontId="2"/>
  </si>
  <si>
    <r>
      <rPr>
        <sz val="11"/>
        <color rgb="FFFF0000"/>
        <rFont val="HG丸ｺﾞｼｯｸM-PRO"/>
        <family val="3"/>
        <charset val="128"/>
      </rPr>
      <t>施設名</t>
    </r>
    <r>
      <rPr>
        <sz val="11"/>
        <color theme="1"/>
        <rFont val="HG丸ｺﾞｼｯｸM-PRO"/>
        <family val="3"/>
        <charset val="128"/>
      </rPr>
      <t>（福祉避難所）</t>
    </r>
    <rPh sb="0" eb="3">
      <t>シセツメイ</t>
    </rPh>
    <rPh sb="4" eb="6">
      <t>フクシ</t>
    </rPh>
    <rPh sb="6" eb="9">
      <t>ヒナンジ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HG丸ｺﾞｼｯｸM-PRO"/>
      <family val="3"/>
      <charset val="128"/>
    </font>
    <font>
      <sz val="6"/>
      <name val="游ゴシック"/>
      <family val="2"/>
      <charset val="128"/>
      <scheme val="minor"/>
    </font>
    <font>
      <sz val="8"/>
      <color theme="1"/>
      <name val="HG丸ｺﾞｼｯｸM-PRO"/>
      <family val="3"/>
      <charset val="128"/>
    </font>
    <font>
      <b/>
      <sz val="14"/>
      <color theme="0"/>
      <name val="HG丸ｺﾞｼｯｸM-PRO"/>
      <family val="3"/>
      <charset val="128"/>
    </font>
    <font>
      <sz val="11"/>
      <color rgb="FFFF0000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/>
        <bgColor indexed="64"/>
      </patternFill>
    </fill>
  </fills>
  <borders count="13">
    <border>
      <left/>
      <right/>
      <top/>
      <bottom/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horizontal="right" vertical="top" wrapText="1"/>
    </xf>
    <xf numFmtId="0" fontId="1" fillId="0" borderId="0" xfId="0" applyFont="1" applyAlignment="1">
      <alignment horizontal="center" vertical="top" wrapText="1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 applyAlignment="1">
      <alignment vertical="center" textRotation="255"/>
    </xf>
    <xf numFmtId="0" fontId="1" fillId="0" borderId="5" xfId="0" applyFont="1" applyBorder="1">
      <alignment vertical="center"/>
    </xf>
    <xf numFmtId="0" fontId="1" fillId="0" borderId="5" xfId="0" applyFont="1" applyBorder="1" applyAlignment="1">
      <alignment horizontal="right" vertical="top" wrapText="1"/>
    </xf>
    <xf numFmtId="0" fontId="1" fillId="0" borderId="5" xfId="0" applyFont="1" applyBorder="1" applyAlignment="1">
      <alignment vertical="top" wrapText="1"/>
    </xf>
    <xf numFmtId="0" fontId="1" fillId="0" borderId="5" xfId="0" applyFont="1" applyBorder="1" applyAlignment="1">
      <alignment horizontal="center" vertical="top" wrapText="1"/>
    </xf>
    <xf numFmtId="0" fontId="1" fillId="0" borderId="6" xfId="0" applyFont="1" applyBorder="1" applyAlignment="1">
      <alignment horizontal="center" vertical="top" wrapText="1"/>
    </xf>
    <xf numFmtId="0" fontId="1" fillId="0" borderId="7" xfId="0" applyFont="1" applyBorder="1" applyAlignment="1">
      <alignment horizontal="center" vertical="center" textRotation="255"/>
    </xf>
    <xf numFmtId="0" fontId="1" fillId="0" borderId="8" xfId="0" applyFont="1" applyBorder="1" applyAlignment="1">
      <alignment vertical="center" textRotation="255"/>
    </xf>
    <xf numFmtId="0" fontId="1" fillId="0" borderId="8" xfId="0" applyFont="1" applyBorder="1">
      <alignment vertical="center"/>
    </xf>
    <xf numFmtId="0" fontId="1" fillId="0" borderId="8" xfId="0" applyFont="1" applyBorder="1" applyAlignment="1">
      <alignment horizontal="right" vertical="top" wrapText="1"/>
    </xf>
    <xf numFmtId="0" fontId="1" fillId="0" borderId="8" xfId="0" applyFont="1" applyBorder="1" applyAlignment="1">
      <alignment vertical="top" wrapText="1"/>
    </xf>
    <xf numFmtId="0" fontId="1" fillId="0" borderId="8" xfId="0" applyFont="1" applyBorder="1" applyAlignment="1">
      <alignment horizontal="center" vertical="top" wrapText="1"/>
    </xf>
    <xf numFmtId="0" fontId="1" fillId="0" borderId="9" xfId="0" applyFont="1" applyBorder="1" applyAlignment="1">
      <alignment horizontal="center" vertical="top" wrapText="1"/>
    </xf>
    <xf numFmtId="0" fontId="1" fillId="2" borderId="0" xfId="0" applyFont="1" applyFill="1">
      <alignment vertical="center"/>
    </xf>
    <xf numFmtId="0" fontId="1" fillId="2" borderId="11" xfId="0" applyFont="1" applyFill="1" applyBorder="1">
      <alignment vertical="center"/>
    </xf>
    <xf numFmtId="0" fontId="1" fillId="2" borderId="12" xfId="0" applyFont="1" applyFill="1" applyBorder="1">
      <alignment vertical="center"/>
    </xf>
    <xf numFmtId="0" fontId="4" fillId="2" borderId="10" xfId="0" applyFont="1" applyFill="1" applyBorder="1">
      <alignment vertical="center"/>
    </xf>
    <xf numFmtId="0" fontId="1" fillId="0" borderId="4" xfId="0" applyFont="1" applyBorder="1" applyAlignment="1">
      <alignment horizontal="center" vertical="center" textRotation="255"/>
    </xf>
    <xf numFmtId="0" fontId="0" fillId="0" borderId="4" xfId="0" applyBorder="1" applyAlignment="1">
      <alignment horizontal="center" vertical="center" textRotation="255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87406</xdr:colOff>
      <xdr:row>3</xdr:row>
      <xdr:rowOff>170329</xdr:rowOff>
    </xdr:from>
    <xdr:to>
      <xdr:col>2</xdr:col>
      <xdr:colOff>2662518</xdr:colOff>
      <xdr:row>3</xdr:row>
      <xdr:rowOff>677956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948018" y="1004047"/>
          <a:ext cx="2575112" cy="507627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ysClr val="windowText" lastClr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➊ 施設利用者及び職員</a:t>
          </a:r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の安否確認</a:t>
          </a:r>
        </a:p>
      </xdr:txBody>
    </xdr:sp>
    <xdr:clientData/>
  </xdr:twoCellAnchor>
  <xdr:twoCellAnchor>
    <xdr:from>
      <xdr:col>2</xdr:col>
      <xdr:colOff>160356</xdr:colOff>
      <xdr:row>3</xdr:row>
      <xdr:rowOff>1120587</xdr:rowOff>
    </xdr:from>
    <xdr:to>
      <xdr:col>2</xdr:col>
      <xdr:colOff>2607160</xdr:colOff>
      <xdr:row>3</xdr:row>
      <xdr:rowOff>2347973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/>
      </xdr:nvSpPr>
      <xdr:spPr>
        <a:xfrm>
          <a:off x="1058385" y="1971845"/>
          <a:ext cx="2446804" cy="1227386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➋ 施設の損傷等の確認・点検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「施設状況確認表（</a:t>
          </a:r>
          <a:r>
            <a:rPr kumimoji="1" lang="ja-JP" altLang="en-US" sz="1100">
              <a:solidFill>
                <a:sysClr val="windowText" lastClr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様式第１号付表）」により点検し</a:t>
          </a:r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、市からの要請に基づき、様式第１号を用い報告を行う</a:t>
          </a:r>
        </a:p>
      </xdr:txBody>
    </xdr:sp>
    <xdr:clientData/>
  </xdr:twoCellAnchor>
  <xdr:twoCellAnchor>
    <xdr:from>
      <xdr:col>3</xdr:col>
      <xdr:colOff>357468</xdr:colOff>
      <xdr:row>3</xdr:row>
      <xdr:rowOff>179293</xdr:rowOff>
    </xdr:from>
    <xdr:to>
      <xdr:col>3</xdr:col>
      <xdr:colOff>3417794</xdr:colOff>
      <xdr:row>3</xdr:row>
      <xdr:rowOff>726141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 txBox="1"/>
      </xdr:nvSpPr>
      <xdr:spPr>
        <a:xfrm>
          <a:off x="4310903" y="1013011"/>
          <a:ext cx="3060326" cy="546848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① 福祉避難所開設の検討・判断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（災害の規模等により要否を判断）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3</xdr:col>
      <xdr:colOff>352312</xdr:colOff>
      <xdr:row>3</xdr:row>
      <xdr:rowOff>1245310</xdr:rowOff>
    </xdr:from>
    <xdr:to>
      <xdr:col>3</xdr:col>
      <xdr:colOff>3410733</xdr:colOff>
      <xdr:row>3</xdr:row>
      <xdr:rowOff>1884493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/>
      </xdr:nvSpPr>
      <xdr:spPr>
        <a:xfrm>
          <a:off x="4307988" y="2074545"/>
          <a:ext cx="3058421" cy="639183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 </a:t>
          </a:r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各施設被災状況の集約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3</xdr:col>
      <xdr:colOff>324971</xdr:colOff>
      <xdr:row>3</xdr:row>
      <xdr:rowOff>2396458</xdr:rowOff>
    </xdr:from>
    <xdr:to>
      <xdr:col>3</xdr:col>
      <xdr:colOff>3442607</xdr:colOff>
      <xdr:row>3</xdr:row>
      <xdr:rowOff>2943225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4287371" y="3234658"/>
          <a:ext cx="3117636" cy="546767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③ </a:t>
          </a:r>
          <a:r>
            <a:rPr kumimoji="1" lang="ja-JP" altLang="en-US" sz="110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開設可能施設の中から、</a:t>
          </a:r>
          <a:r>
            <a:rPr kumimoji="1" lang="ja-JP" altLang="en-US" sz="1100">
              <a:solidFill>
                <a:schemeClr val="tx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開設する施設を選定し、開設を要請</a:t>
          </a:r>
          <a:r>
            <a:rPr kumimoji="1" lang="ja-JP" altLang="en-US" sz="110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（</a:t>
          </a:r>
          <a:r>
            <a:rPr kumimoji="1" lang="ja-JP" altLang="en-US" sz="1100">
              <a:solidFill>
                <a:schemeClr val="dk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参考様式２）</a:t>
          </a:r>
        </a:p>
      </xdr:txBody>
    </xdr:sp>
    <xdr:clientData/>
  </xdr:twoCellAnchor>
  <xdr:twoCellAnchor>
    <xdr:from>
      <xdr:col>2</xdr:col>
      <xdr:colOff>96370</xdr:colOff>
      <xdr:row>4</xdr:row>
      <xdr:rowOff>85725</xdr:rowOff>
    </xdr:from>
    <xdr:to>
      <xdr:col>2</xdr:col>
      <xdr:colOff>2626659</xdr:colOff>
      <xdr:row>4</xdr:row>
      <xdr:rowOff>971550</xdr:rowOff>
    </xdr:to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 txBox="1"/>
      </xdr:nvSpPr>
      <xdr:spPr>
        <a:xfrm>
          <a:off x="956982" y="3895725"/>
          <a:ext cx="2530289" cy="885825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ysClr val="windowText" lastClr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➌ 避難者受入の事前準備</a:t>
          </a:r>
          <a:endParaRPr kumimoji="1" lang="en-US" altLang="ja-JP" sz="1100">
            <a:solidFill>
              <a:sysClr val="windowText" lastClr="000000"/>
            </a:solidFill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ja-JP" altLang="en-US" sz="1100">
              <a:solidFill>
                <a:sysClr val="windowText" lastClr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 ・必要物資等の調達、要請</a:t>
          </a:r>
          <a:endParaRPr kumimoji="1" lang="en-US" altLang="ja-JP" sz="1100">
            <a:solidFill>
              <a:sysClr val="windowText" lastClr="000000"/>
            </a:solidFill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ja-JP" altLang="en-US" sz="1100" baseline="0">
              <a:solidFill>
                <a:sysClr val="windowText" lastClr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 ・受入場所、トイレの確保</a:t>
          </a:r>
          <a:endParaRPr kumimoji="1" lang="en-US" altLang="ja-JP" sz="1100" baseline="0">
            <a:solidFill>
              <a:sysClr val="windowText" lastClr="000000"/>
            </a:solidFill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en-US" altLang="ja-JP" sz="1100" baseline="0">
              <a:solidFill>
                <a:sysClr val="windowText" lastClr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 </a:t>
          </a:r>
          <a:r>
            <a:rPr kumimoji="1" lang="ja-JP" altLang="en-US" sz="1100" baseline="0">
              <a:solidFill>
                <a:sysClr val="windowText" lastClr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・必要人員の確保</a:t>
          </a:r>
          <a:endParaRPr kumimoji="1" lang="ja-JP" altLang="en-US" sz="1100">
            <a:solidFill>
              <a:sysClr val="windowText" lastClr="000000"/>
            </a:solidFill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3</xdr:col>
      <xdr:colOff>357469</xdr:colOff>
      <xdr:row>4</xdr:row>
      <xdr:rowOff>83485</xdr:rowOff>
    </xdr:from>
    <xdr:to>
      <xdr:col>3</xdr:col>
      <xdr:colOff>3406589</xdr:colOff>
      <xdr:row>4</xdr:row>
      <xdr:rowOff>797859</xdr:rowOff>
    </xdr:to>
    <xdr:sp macro="" textlink="">
      <xdr:nvSpPr>
        <xdr:cNvPr id="8" name="テキスト ボックス 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 txBox="1"/>
      </xdr:nvSpPr>
      <xdr:spPr>
        <a:xfrm>
          <a:off x="4310904" y="3893485"/>
          <a:ext cx="3049120" cy="714374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④ </a:t>
          </a:r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物資・人材等の確保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　施設から要請を受けて、物資の配達を行う</a:t>
          </a:r>
        </a:p>
      </xdr:txBody>
    </xdr:sp>
    <xdr:clientData/>
  </xdr:twoCellAnchor>
  <xdr:twoCellAnchor>
    <xdr:from>
      <xdr:col>3</xdr:col>
      <xdr:colOff>348505</xdr:colOff>
      <xdr:row>4</xdr:row>
      <xdr:rowOff>847540</xdr:rowOff>
    </xdr:from>
    <xdr:to>
      <xdr:col>3</xdr:col>
      <xdr:colOff>3408831</xdr:colOff>
      <xdr:row>4</xdr:row>
      <xdr:rowOff>1568264</xdr:rowOff>
    </xdr:to>
    <xdr:sp macro="" textlink="">
      <xdr:nvSpPr>
        <xdr:cNvPr id="9" name="テキスト ボックス 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 txBox="1"/>
      </xdr:nvSpPr>
      <xdr:spPr>
        <a:xfrm>
          <a:off x="4301940" y="4657540"/>
          <a:ext cx="3060326" cy="720724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⑤ 要配慮者のスクリーニング実施</a:t>
          </a:r>
          <a:endParaRPr kumimoji="1" lang="en-US" altLang="ja-JP" sz="1100">
            <a:solidFill>
              <a:schemeClr val="dk1"/>
            </a:solidFill>
            <a:effectLst/>
            <a:latin typeface="HG丸ｺﾞｼｯｸM-PRO" panose="020F0600000000000000" pitchFamily="50" charset="-128"/>
            <a:ea typeface="HG丸ｺﾞｼｯｸM-PRO" panose="020F0600000000000000" pitchFamily="50" charset="-128"/>
            <a:cs typeface="+mn-cs"/>
          </a:endParaRPr>
        </a:p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　指定避難所の避難者の中から、福祉避難所への移送が必要な</a:t>
          </a:r>
          <a:r>
            <a:rPr kumimoji="1" lang="ja-JP" altLang="en-US" sz="110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要配慮者</a:t>
          </a:r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を選定</a:t>
          </a:r>
        </a:p>
      </xdr:txBody>
    </xdr:sp>
    <xdr:clientData/>
  </xdr:twoCellAnchor>
  <xdr:twoCellAnchor>
    <xdr:from>
      <xdr:col>2</xdr:col>
      <xdr:colOff>21538</xdr:colOff>
      <xdr:row>5</xdr:row>
      <xdr:rowOff>63314</xdr:rowOff>
    </xdr:from>
    <xdr:to>
      <xdr:col>2</xdr:col>
      <xdr:colOff>2703447</xdr:colOff>
      <xdr:row>5</xdr:row>
      <xdr:rowOff>793750</xdr:rowOff>
    </xdr:to>
    <xdr:sp macro="" textlink="">
      <xdr:nvSpPr>
        <xdr:cNvPr id="10" name="テキスト ボックス 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 txBox="1"/>
      </xdr:nvSpPr>
      <xdr:spPr>
        <a:xfrm>
          <a:off x="919567" y="5994052"/>
          <a:ext cx="2681909" cy="730436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➍ 避難者受入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 ・受入について市災害対策本部と調整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ja-JP" altLang="en-US" sz="1100" baseline="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 ・避難者名簿を作成し、受入を開始</a:t>
          </a:r>
          <a:endParaRPr kumimoji="1" lang="en-US" altLang="ja-JP" sz="1100" baseline="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3</xdr:col>
      <xdr:colOff>366433</xdr:colOff>
      <xdr:row>5</xdr:row>
      <xdr:rowOff>76760</xdr:rowOff>
    </xdr:from>
    <xdr:to>
      <xdr:col>3</xdr:col>
      <xdr:colOff>3526637</xdr:colOff>
      <xdr:row>5</xdr:row>
      <xdr:rowOff>816535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 txBox="1"/>
      </xdr:nvSpPr>
      <xdr:spPr>
        <a:xfrm>
          <a:off x="4491757" y="6007498"/>
          <a:ext cx="3160204" cy="739775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⑥ 要配慮者の受入要請・移送案内</a:t>
          </a:r>
          <a:endParaRPr kumimoji="1" lang="en-US" altLang="ja-JP" sz="1100">
            <a:solidFill>
              <a:schemeClr val="dk1"/>
            </a:solidFill>
            <a:effectLst/>
            <a:latin typeface="HG丸ｺﾞｼｯｸM-PRO" panose="020F0600000000000000" pitchFamily="50" charset="-128"/>
            <a:ea typeface="HG丸ｺﾞｼｯｸM-PRO" panose="020F0600000000000000" pitchFamily="50" charset="-128"/>
            <a:cs typeface="+mn-cs"/>
          </a:endParaRPr>
        </a:p>
        <a:p>
          <a:r>
            <a:rPr kumimoji="1" lang="ja-JP" altLang="en-US" sz="110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・要配慮者の受入を要請</a:t>
          </a:r>
          <a:endParaRPr kumimoji="1" lang="en-US" altLang="ja-JP" sz="1100">
            <a:solidFill>
              <a:schemeClr val="dk1"/>
            </a:solidFill>
            <a:effectLst/>
            <a:latin typeface="HG丸ｺﾞｼｯｸM-PRO" panose="020F0600000000000000" pitchFamily="50" charset="-128"/>
            <a:ea typeface="HG丸ｺﾞｼｯｸM-PRO" panose="020F0600000000000000" pitchFamily="50" charset="-128"/>
            <a:cs typeface="+mn-cs"/>
          </a:endParaRPr>
        </a:p>
        <a:p>
          <a:r>
            <a:rPr kumimoji="1" lang="ja-JP" altLang="en-US" sz="110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・受入可能な要配慮者への移送案内</a:t>
          </a:r>
          <a:endParaRPr kumimoji="1" lang="ja-JP" altLang="en-US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3</xdr:col>
      <xdr:colOff>357468</xdr:colOff>
      <xdr:row>5</xdr:row>
      <xdr:rowOff>933263</xdr:rowOff>
    </xdr:from>
    <xdr:to>
      <xdr:col>3</xdr:col>
      <xdr:colOff>3507927</xdr:colOff>
      <xdr:row>5</xdr:row>
      <xdr:rowOff>1628214</xdr:rowOff>
    </xdr:to>
    <xdr:sp macro="" textlink="">
      <xdr:nvSpPr>
        <xdr:cNvPr id="13" name="テキスト ボックス 12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 txBox="1"/>
      </xdr:nvSpPr>
      <xdr:spPr>
        <a:xfrm>
          <a:off x="4482792" y="6864001"/>
          <a:ext cx="3150459" cy="694951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 b="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⑦ </a:t>
          </a:r>
          <a:r>
            <a:rPr kumimoji="1" lang="ja-JP" altLang="en-US" sz="1100" b="0">
              <a:solidFill>
                <a:sysClr val="windowText" lastClr="000000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福祉避難所担当職員を災害対策本部に配置</a:t>
          </a:r>
          <a:endParaRPr kumimoji="1" lang="en-US" altLang="ja-JP" sz="1100" b="0">
            <a:solidFill>
              <a:sysClr val="windowText" lastClr="000000"/>
            </a:solidFill>
            <a:effectLst/>
            <a:latin typeface="HG丸ｺﾞｼｯｸM-PRO" panose="020F0600000000000000" pitchFamily="50" charset="-128"/>
            <a:ea typeface="HG丸ｺﾞｼｯｸM-PRO" panose="020F0600000000000000" pitchFamily="50" charset="-128"/>
            <a:cs typeface="+mn-cs"/>
          </a:endParaRPr>
        </a:p>
        <a:p>
          <a:r>
            <a:rPr kumimoji="1" lang="ja-JP" altLang="en-US" sz="1100" b="0">
              <a:solidFill>
                <a:sysClr val="windowText" lastClr="000000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　避難者の状況確認、相談・要望等の把握</a:t>
          </a:r>
          <a:endParaRPr kumimoji="1" lang="ja-JP" altLang="en-US" sz="1100" b="0">
            <a:solidFill>
              <a:sysClr val="windowText" lastClr="000000"/>
            </a:solidFill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2</xdr:col>
      <xdr:colOff>114300</xdr:colOff>
      <xdr:row>6</xdr:row>
      <xdr:rowOff>63314</xdr:rowOff>
    </xdr:from>
    <xdr:to>
      <xdr:col>2</xdr:col>
      <xdr:colOff>2653553</xdr:colOff>
      <xdr:row>6</xdr:row>
      <xdr:rowOff>986118</xdr:rowOff>
    </xdr:to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 txBox="1"/>
      </xdr:nvSpPr>
      <xdr:spPr>
        <a:xfrm>
          <a:off x="974912" y="7683314"/>
          <a:ext cx="2539253" cy="922804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➏ 福祉</a:t>
          </a:r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避難所運営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 ・必要物資等の要請及び受入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ja-JP" altLang="en-US" sz="1100" baseline="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 ・支援サービスの提供</a:t>
          </a:r>
          <a:endParaRPr kumimoji="1" lang="en-US" altLang="ja-JP" sz="1100" baseline="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3</xdr:col>
      <xdr:colOff>330575</xdr:colOff>
      <xdr:row>6</xdr:row>
      <xdr:rowOff>117102</xdr:rowOff>
    </xdr:from>
    <xdr:to>
      <xdr:col>3</xdr:col>
      <xdr:colOff>3379695</xdr:colOff>
      <xdr:row>6</xdr:row>
      <xdr:rowOff>1012451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 txBox="1"/>
      </xdr:nvSpPr>
      <xdr:spPr>
        <a:xfrm>
          <a:off x="4284010" y="7737102"/>
          <a:ext cx="3049120" cy="895349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⑧ 物資・人材等の確保</a:t>
          </a:r>
          <a:endParaRPr kumimoji="1" lang="en-US" altLang="ja-JP" sz="1100">
            <a:solidFill>
              <a:schemeClr val="dk1"/>
            </a:solidFill>
            <a:effectLst/>
            <a:latin typeface="HG丸ｺﾞｼｯｸM-PRO" panose="020F0600000000000000" pitchFamily="50" charset="-128"/>
            <a:ea typeface="HG丸ｺﾞｼｯｸM-PRO" panose="020F0600000000000000" pitchFamily="50" charset="-128"/>
            <a:cs typeface="+mn-cs"/>
          </a:endParaRPr>
        </a:p>
        <a:p>
          <a:r>
            <a:rPr kumimoji="1" lang="ja-JP" altLang="en-US" sz="110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　施設から要請を受けて、物資の調達・配送</a:t>
          </a:r>
          <a:endParaRPr kumimoji="1" lang="en-US" altLang="ja-JP" sz="1100">
            <a:solidFill>
              <a:schemeClr val="dk1"/>
            </a:solidFill>
            <a:effectLst/>
            <a:latin typeface="HG丸ｺﾞｼｯｸM-PRO" panose="020F0600000000000000" pitchFamily="50" charset="-128"/>
            <a:ea typeface="HG丸ｺﾞｼｯｸM-PRO" panose="020F0600000000000000" pitchFamily="50" charset="-128"/>
            <a:cs typeface="+mn-cs"/>
          </a:endParaRPr>
        </a:p>
      </xdr:txBody>
    </xdr:sp>
    <xdr:clientData/>
  </xdr:twoCellAnchor>
  <xdr:twoCellAnchor>
    <xdr:from>
      <xdr:col>2</xdr:col>
      <xdr:colOff>114301</xdr:colOff>
      <xdr:row>7</xdr:row>
      <xdr:rowOff>90528</xdr:rowOff>
    </xdr:from>
    <xdr:to>
      <xdr:col>2</xdr:col>
      <xdr:colOff>2653553</xdr:colOff>
      <xdr:row>7</xdr:row>
      <xdr:rowOff>1013332</xdr:rowOff>
    </xdr:to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 txBox="1"/>
      </xdr:nvSpPr>
      <xdr:spPr>
        <a:xfrm>
          <a:off x="974913" y="8831116"/>
          <a:ext cx="2539252" cy="922804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➐ 福祉避難所退所</a:t>
          </a:r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調整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　市災害対策本部と連携し、避難者の退所に向け調整を行う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3</xdr:col>
      <xdr:colOff>330574</xdr:colOff>
      <xdr:row>7</xdr:row>
      <xdr:rowOff>89648</xdr:rowOff>
    </xdr:from>
    <xdr:to>
      <xdr:col>3</xdr:col>
      <xdr:colOff>3367687</xdr:colOff>
      <xdr:row>7</xdr:row>
      <xdr:rowOff>977340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 txBox="1"/>
      </xdr:nvSpPr>
      <xdr:spPr>
        <a:xfrm>
          <a:off x="4284009" y="8830236"/>
          <a:ext cx="3037113" cy="887692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⑨ </a:t>
          </a:r>
          <a:r>
            <a:rPr kumimoji="1" lang="ja-JP" altLang="en-US" sz="1100">
              <a:solidFill>
                <a:schemeClr val="tx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福祉避難所退所調整</a:t>
          </a:r>
        </a:p>
        <a:p>
          <a:r>
            <a:rPr kumimoji="1" lang="ja-JP" altLang="en-US" sz="1100">
              <a:solidFill>
                <a:schemeClr val="tx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・福祉避難所と連携し、避難者の退所に向け関係機関と調整を行う</a:t>
          </a:r>
          <a:endParaRPr kumimoji="1" lang="en-US" altLang="ja-JP" sz="1100">
            <a:solidFill>
              <a:schemeClr val="tx1"/>
            </a:solidFill>
            <a:effectLst/>
            <a:latin typeface="HG丸ｺﾞｼｯｸM-PRO" panose="020F0600000000000000" pitchFamily="50" charset="-128"/>
            <a:ea typeface="HG丸ｺﾞｼｯｸM-PRO" panose="020F0600000000000000" pitchFamily="50" charset="-128"/>
            <a:cs typeface="+mn-cs"/>
          </a:endParaRPr>
        </a:p>
        <a:p>
          <a:r>
            <a:rPr kumimoji="1" lang="ja-JP" altLang="en-US" sz="1100">
              <a:solidFill>
                <a:schemeClr val="tx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・</a:t>
          </a:r>
          <a:r>
            <a:rPr kumimoji="1" lang="en-US" altLang="ja-JP" sz="1100">
              <a:solidFill>
                <a:schemeClr val="tx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(</a:t>
          </a:r>
          <a:r>
            <a:rPr kumimoji="1" lang="ja-JP" altLang="en-US" sz="1100">
              <a:solidFill>
                <a:schemeClr val="tx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必要に応じて</a:t>
          </a:r>
          <a:r>
            <a:rPr kumimoji="1" lang="en-US" altLang="ja-JP" sz="1100">
              <a:solidFill>
                <a:schemeClr val="tx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)</a:t>
          </a:r>
          <a:r>
            <a:rPr kumimoji="1" lang="ja-JP" altLang="en-US" sz="1100">
              <a:solidFill>
                <a:schemeClr val="tx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福祉避難所</a:t>
          </a:r>
          <a:r>
            <a:rPr kumimoji="1" lang="ja-JP" altLang="en-US" sz="110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統廃合の検討</a:t>
          </a:r>
        </a:p>
      </xdr:txBody>
    </xdr:sp>
    <xdr:clientData/>
  </xdr:twoCellAnchor>
  <xdr:twoCellAnchor>
    <xdr:from>
      <xdr:col>2</xdr:col>
      <xdr:colOff>114302</xdr:colOff>
      <xdr:row>8</xdr:row>
      <xdr:rowOff>76922</xdr:rowOff>
    </xdr:from>
    <xdr:to>
      <xdr:col>2</xdr:col>
      <xdr:colOff>2635624</xdr:colOff>
      <xdr:row>8</xdr:row>
      <xdr:rowOff>816429</xdr:rowOff>
    </xdr:to>
    <xdr:sp macro="" textlink="">
      <xdr:nvSpPr>
        <xdr:cNvPr id="18" name="テキスト ボックス 1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 txBox="1"/>
      </xdr:nvSpPr>
      <xdr:spPr>
        <a:xfrm>
          <a:off x="974914" y="9893275"/>
          <a:ext cx="2521322" cy="739507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➑ 運営費用の整理・請求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　運営にかかった人件費、備品等の経費の請求</a:t>
          </a:r>
          <a:endParaRPr kumimoji="1" lang="en-US" altLang="ja-JP" sz="110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3</xdr:col>
      <xdr:colOff>375396</xdr:colOff>
      <xdr:row>8</xdr:row>
      <xdr:rowOff>72599</xdr:rowOff>
    </xdr:from>
    <xdr:to>
      <xdr:col>3</xdr:col>
      <xdr:colOff>3412509</xdr:colOff>
      <xdr:row>8</xdr:row>
      <xdr:rowOff>798500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 txBox="1"/>
      </xdr:nvSpPr>
      <xdr:spPr>
        <a:xfrm>
          <a:off x="4328831" y="9888952"/>
          <a:ext cx="3037113" cy="725901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⑩ 運営費用の支払い</a:t>
          </a:r>
          <a:endParaRPr kumimoji="1" lang="en-US" altLang="ja-JP" sz="1100">
            <a:solidFill>
              <a:schemeClr val="dk1"/>
            </a:solidFill>
            <a:effectLst/>
            <a:latin typeface="HG丸ｺﾞｼｯｸM-PRO" panose="020F0600000000000000" pitchFamily="50" charset="-128"/>
            <a:ea typeface="HG丸ｺﾞｼｯｸM-PRO" panose="020F0600000000000000" pitchFamily="50" charset="-128"/>
            <a:cs typeface="+mn-cs"/>
          </a:endParaRPr>
        </a:p>
        <a:p>
          <a:r>
            <a:rPr kumimoji="1" lang="ja-JP" altLang="en-US" sz="1100">
              <a:solidFill>
                <a:schemeClr val="dk1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　施設から請求を受けて、運営に要した人件費、備品等の経費の支払い</a:t>
          </a:r>
        </a:p>
      </xdr:txBody>
    </xdr:sp>
    <xdr:clientData/>
  </xdr:twoCellAnchor>
  <xdr:twoCellAnchor>
    <xdr:from>
      <xdr:col>2</xdr:col>
      <xdr:colOff>161925</xdr:colOff>
      <xdr:row>5</xdr:row>
      <xdr:rowOff>790575</xdr:rowOff>
    </xdr:from>
    <xdr:to>
      <xdr:col>2</xdr:col>
      <xdr:colOff>438151</xdr:colOff>
      <xdr:row>6</xdr:row>
      <xdr:rowOff>57150</xdr:rowOff>
    </xdr:to>
    <xdr:sp macro="" textlink="">
      <xdr:nvSpPr>
        <xdr:cNvPr id="20" name="下矢印 1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/>
      </xdr:nvSpPr>
      <xdr:spPr>
        <a:xfrm>
          <a:off x="1181100" y="4505325"/>
          <a:ext cx="276226" cy="1009650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326777</xdr:colOff>
      <xdr:row>3</xdr:row>
      <xdr:rowOff>744630</xdr:rowOff>
    </xdr:from>
    <xdr:to>
      <xdr:col>3</xdr:col>
      <xdr:colOff>1954306</xdr:colOff>
      <xdr:row>3</xdr:row>
      <xdr:rowOff>1084729</xdr:rowOff>
    </xdr:to>
    <xdr:sp macro="" textlink="">
      <xdr:nvSpPr>
        <xdr:cNvPr id="23" name="下矢印 22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/>
      </xdr:nvSpPr>
      <xdr:spPr>
        <a:xfrm>
          <a:off x="5280212" y="1578348"/>
          <a:ext cx="627529" cy="340099"/>
        </a:xfrm>
        <a:prstGeom prst="downArrow">
          <a:avLst>
            <a:gd name="adj1" fmla="val 50000"/>
            <a:gd name="adj2" fmla="val 115135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711150</xdr:colOff>
      <xdr:row>3</xdr:row>
      <xdr:rowOff>1469203</xdr:rowOff>
    </xdr:from>
    <xdr:to>
      <xdr:col>3</xdr:col>
      <xdr:colOff>236892</xdr:colOff>
      <xdr:row>3</xdr:row>
      <xdr:rowOff>1712594</xdr:rowOff>
    </xdr:to>
    <xdr:sp macro="" textlink="">
      <xdr:nvSpPr>
        <xdr:cNvPr id="29" name="左右矢印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/>
      </xdr:nvSpPr>
      <xdr:spPr>
        <a:xfrm>
          <a:off x="3574003" y="2298438"/>
          <a:ext cx="618565" cy="243391"/>
        </a:xfrm>
        <a:prstGeom prst="left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1192311</xdr:colOff>
      <xdr:row>3</xdr:row>
      <xdr:rowOff>2545979</xdr:rowOff>
    </xdr:from>
    <xdr:to>
      <xdr:col>3</xdr:col>
      <xdr:colOff>215160</xdr:colOff>
      <xdr:row>4</xdr:row>
      <xdr:rowOff>89651</xdr:rowOff>
    </xdr:to>
    <xdr:sp macro="" textlink="">
      <xdr:nvSpPr>
        <xdr:cNvPr id="37" name="曲折矢印 36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/>
      </xdr:nvSpPr>
      <xdr:spPr>
        <a:xfrm rot="5400000" flipV="1">
          <a:off x="2850782" y="2581838"/>
          <a:ext cx="519954" cy="2115672"/>
        </a:xfrm>
        <a:prstGeom prst="bentArrow">
          <a:avLst>
            <a:gd name="adj1" fmla="val 24482"/>
            <a:gd name="adj2" fmla="val 27206"/>
            <a:gd name="adj3" fmla="val 43561"/>
            <a:gd name="adj4" fmla="val 18182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solidFill>
              <a:schemeClr val="tx1"/>
            </a:solidFill>
          </a:endParaRPr>
        </a:p>
      </xdr:txBody>
    </xdr:sp>
    <xdr:clientData/>
  </xdr:twoCellAnchor>
  <xdr:twoCellAnchor>
    <xdr:from>
      <xdr:col>2</xdr:col>
      <xdr:colOff>481853</xdr:colOff>
      <xdr:row>5</xdr:row>
      <xdr:rowOff>903755</xdr:rowOff>
    </xdr:from>
    <xdr:to>
      <xdr:col>2</xdr:col>
      <xdr:colOff>2671482</xdr:colOff>
      <xdr:row>5</xdr:row>
      <xdr:rowOff>1634191</xdr:rowOff>
    </xdr:to>
    <xdr:sp macro="" textlink="">
      <xdr:nvSpPr>
        <xdr:cNvPr id="39" name="テキスト ボックス 38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 txBox="1"/>
      </xdr:nvSpPr>
      <xdr:spPr>
        <a:xfrm>
          <a:off x="1342465" y="6650131"/>
          <a:ext cx="2189629" cy="730436"/>
        </a:xfrm>
        <a:prstGeom prst="rect">
          <a:avLst/>
        </a:prstGeom>
        <a:solidFill>
          <a:schemeClr val="lt1"/>
        </a:solidFill>
        <a:ln w="9525" cap="rnd" cmpd="sng">
          <a:solidFill>
            <a:schemeClr val="lt1">
              <a:shade val="50000"/>
            </a:schemeClr>
          </a:solidFill>
          <a:beve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 b="0">
              <a:solidFill>
                <a:schemeClr val="dk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➎ 市</a:t>
          </a:r>
          <a:r>
            <a:rPr kumimoji="1" lang="ja-JP" altLang="en-US" sz="1100" b="0">
              <a:solidFill>
                <a:sysClr val="windowText" lastClr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災害対策本部</a:t>
          </a:r>
          <a:r>
            <a:rPr kumimoji="1" lang="ja-JP" altLang="en-US" sz="1100" b="0" baseline="0">
              <a:solidFill>
                <a:sysClr val="windowText" lastClr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と連携し、避難者への支援を実施</a:t>
          </a:r>
          <a:endParaRPr kumimoji="1" lang="en-US" altLang="ja-JP" sz="1100" b="0" baseline="0">
            <a:solidFill>
              <a:sysClr val="windowText" lastClr="000000"/>
            </a:solidFill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6</xdr:col>
      <xdr:colOff>264460</xdr:colOff>
      <xdr:row>5</xdr:row>
      <xdr:rowOff>1203511</xdr:rowOff>
    </xdr:from>
    <xdr:to>
      <xdr:col>6</xdr:col>
      <xdr:colOff>398930</xdr:colOff>
      <xdr:row>5</xdr:row>
      <xdr:rowOff>1416423</xdr:rowOff>
    </xdr:to>
    <xdr:sp macro="" textlink="">
      <xdr:nvSpPr>
        <xdr:cNvPr id="41" name="左矢印 40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/>
      </xdr:nvSpPr>
      <xdr:spPr>
        <a:xfrm>
          <a:off x="10044954" y="6949887"/>
          <a:ext cx="134470" cy="212912"/>
        </a:xfrm>
        <a:prstGeom prst="lef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rot="0" spcFirstLastPara="0" vertOverflow="clip" horzOverflow="clip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l"/>
          <a:endParaRPr kumimoji="1" lang="ja-JP" altLang="en-US" sz="1100">
            <a:solidFill>
              <a:schemeClr val="tx1"/>
            </a:solidFill>
          </a:endParaRPr>
        </a:p>
      </xdr:txBody>
    </xdr:sp>
    <xdr:clientData/>
  </xdr:twoCellAnchor>
  <xdr:twoCellAnchor>
    <xdr:from>
      <xdr:col>3</xdr:col>
      <xdr:colOff>1335742</xdr:colOff>
      <xdr:row>3</xdr:row>
      <xdr:rowOff>1963831</xdr:rowOff>
    </xdr:from>
    <xdr:to>
      <xdr:col>3</xdr:col>
      <xdr:colOff>1963271</xdr:colOff>
      <xdr:row>3</xdr:row>
      <xdr:rowOff>2303930</xdr:rowOff>
    </xdr:to>
    <xdr:sp macro="" textlink="">
      <xdr:nvSpPr>
        <xdr:cNvPr id="38" name="下矢印 37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/>
      </xdr:nvSpPr>
      <xdr:spPr>
        <a:xfrm>
          <a:off x="5289177" y="2797549"/>
          <a:ext cx="627529" cy="340099"/>
        </a:xfrm>
        <a:prstGeom prst="downArrow">
          <a:avLst>
            <a:gd name="adj1" fmla="val 50000"/>
            <a:gd name="adj2" fmla="val 115135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1111624</xdr:colOff>
      <xdr:row>3</xdr:row>
      <xdr:rowOff>717735</xdr:rowOff>
    </xdr:from>
    <xdr:to>
      <xdr:col>2</xdr:col>
      <xdr:colOff>1739153</xdr:colOff>
      <xdr:row>3</xdr:row>
      <xdr:rowOff>1057834</xdr:rowOff>
    </xdr:to>
    <xdr:sp macro="" textlink="">
      <xdr:nvSpPr>
        <xdr:cNvPr id="44" name="下矢印 43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/>
      </xdr:nvSpPr>
      <xdr:spPr>
        <a:xfrm>
          <a:off x="1972236" y="1551453"/>
          <a:ext cx="627529" cy="340099"/>
        </a:xfrm>
        <a:prstGeom prst="downArrow">
          <a:avLst>
            <a:gd name="adj1" fmla="val 50000"/>
            <a:gd name="adj2" fmla="val 115135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344705</xdr:colOff>
      <xdr:row>4</xdr:row>
      <xdr:rowOff>1582349</xdr:rowOff>
    </xdr:from>
    <xdr:to>
      <xdr:col>3</xdr:col>
      <xdr:colOff>1972234</xdr:colOff>
      <xdr:row>4</xdr:row>
      <xdr:rowOff>1918286</xdr:rowOff>
    </xdr:to>
    <xdr:sp macro="" textlink="">
      <xdr:nvSpPr>
        <xdr:cNvPr id="45" name="下矢印 44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/>
      </xdr:nvSpPr>
      <xdr:spPr>
        <a:xfrm>
          <a:off x="5317991" y="5582849"/>
          <a:ext cx="627529" cy="335937"/>
        </a:xfrm>
        <a:prstGeom prst="downArrow">
          <a:avLst>
            <a:gd name="adj1" fmla="val 50000"/>
            <a:gd name="adj2" fmla="val 115135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743199</xdr:colOff>
      <xdr:row>4</xdr:row>
      <xdr:rowOff>394447</xdr:rowOff>
    </xdr:from>
    <xdr:to>
      <xdr:col>3</xdr:col>
      <xdr:colOff>268941</xdr:colOff>
      <xdr:row>4</xdr:row>
      <xdr:rowOff>645458</xdr:rowOff>
    </xdr:to>
    <xdr:sp macro="" textlink="">
      <xdr:nvSpPr>
        <xdr:cNvPr id="51" name="左右矢印 50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/>
      </xdr:nvSpPr>
      <xdr:spPr>
        <a:xfrm>
          <a:off x="3603811" y="4204447"/>
          <a:ext cx="618565" cy="251011"/>
        </a:xfrm>
        <a:prstGeom prst="left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752164</xdr:colOff>
      <xdr:row>6</xdr:row>
      <xdr:rowOff>394447</xdr:rowOff>
    </xdr:from>
    <xdr:to>
      <xdr:col>3</xdr:col>
      <xdr:colOff>277906</xdr:colOff>
      <xdr:row>6</xdr:row>
      <xdr:rowOff>645458</xdr:rowOff>
    </xdr:to>
    <xdr:sp macro="" textlink="">
      <xdr:nvSpPr>
        <xdr:cNvPr id="52" name="左右矢印 51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/>
      </xdr:nvSpPr>
      <xdr:spPr>
        <a:xfrm>
          <a:off x="3612776" y="8014447"/>
          <a:ext cx="618565" cy="251011"/>
        </a:xfrm>
        <a:prstGeom prst="left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761129</xdr:colOff>
      <xdr:row>7</xdr:row>
      <xdr:rowOff>403412</xdr:rowOff>
    </xdr:from>
    <xdr:to>
      <xdr:col>3</xdr:col>
      <xdr:colOff>286871</xdr:colOff>
      <xdr:row>7</xdr:row>
      <xdr:rowOff>654423</xdr:rowOff>
    </xdr:to>
    <xdr:sp macro="" textlink="">
      <xdr:nvSpPr>
        <xdr:cNvPr id="53" name="左右矢印 52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/>
      </xdr:nvSpPr>
      <xdr:spPr>
        <a:xfrm>
          <a:off x="3621741" y="9144000"/>
          <a:ext cx="618565" cy="251011"/>
        </a:xfrm>
        <a:prstGeom prst="left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788023</xdr:colOff>
      <xdr:row>8</xdr:row>
      <xdr:rowOff>322729</xdr:rowOff>
    </xdr:from>
    <xdr:to>
      <xdr:col>3</xdr:col>
      <xdr:colOff>313765</xdr:colOff>
      <xdr:row>8</xdr:row>
      <xdr:rowOff>573740</xdr:rowOff>
    </xdr:to>
    <xdr:sp macro="" textlink="">
      <xdr:nvSpPr>
        <xdr:cNvPr id="54" name="左右矢印 53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/>
      </xdr:nvSpPr>
      <xdr:spPr>
        <a:xfrm>
          <a:off x="3648635" y="10139082"/>
          <a:ext cx="618565" cy="251011"/>
        </a:xfrm>
        <a:prstGeom prst="left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743199</xdr:colOff>
      <xdr:row>5</xdr:row>
      <xdr:rowOff>1129553</xdr:rowOff>
    </xdr:from>
    <xdr:to>
      <xdr:col>3</xdr:col>
      <xdr:colOff>268941</xdr:colOff>
      <xdr:row>5</xdr:row>
      <xdr:rowOff>1380564</xdr:rowOff>
    </xdr:to>
    <xdr:sp macro="" textlink="">
      <xdr:nvSpPr>
        <xdr:cNvPr id="55" name="左右矢印 54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/>
      </xdr:nvSpPr>
      <xdr:spPr>
        <a:xfrm>
          <a:off x="3603811" y="6875929"/>
          <a:ext cx="618565" cy="251011"/>
        </a:xfrm>
        <a:prstGeom prst="left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734234</xdr:colOff>
      <xdr:row>5</xdr:row>
      <xdr:rowOff>331694</xdr:rowOff>
    </xdr:from>
    <xdr:to>
      <xdr:col>3</xdr:col>
      <xdr:colOff>259976</xdr:colOff>
      <xdr:row>5</xdr:row>
      <xdr:rowOff>582705</xdr:rowOff>
    </xdr:to>
    <xdr:sp macro="" textlink="">
      <xdr:nvSpPr>
        <xdr:cNvPr id="56" name="左右矢印 55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/>
      </xdr:nvSpPr>
      <xdr:spPr>
        <a:xfrm>
          <a:off x="3594846" y="6078070"/>
          <a:ext cx="618565" cy="251011"/>
        </a:xfrm>
        <a:prstGeom prst="left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1156448</xdr:colOff>
      <xdr:row>6</xdr:row>
      <xdr:rowOff>986675</xdr:rowOff>
    </xdr:from>
    <xdr:to>
      <xdr:col>2</xdr:col>
      <xdr:colOff>1631578</xdr:colOff>
      <xdr:row>7</xdr:row>
      <xdr:rowOff>125506</xdr:rowOff>
    </xdr:to>
    <xdr:sp macro="" textlink="">
      <xdr:nvSpPr>
        <xdr:cNvPr id="57" name="下矢印 56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/>
      </xdr:nvSpPr>
      <xdr:spPr>
        <a:xfrm>
          <a:off x="2017060" y="8606675"/>
          <a:ext cx="475130" cy="259419"/>
        </a:xfrm>
        <a:prstGeom prst="downArrow">
          <a:avLst>
            <a:gd name="adj1" fmla="val 50000"/>
            <a:gd name="adj2" fmla="val 115135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/>
      <a:bodyPr vertOverflow="clip" horzOverflow="clip" rtlCol="0" anchor="t"/>
      <a:lstStyle>
        <a:defPPr algn="l">
          <a:defRPr kumimoji="1" sz="1100">
            <a:solidFill>
              <a:schemeClr val="tx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158"/>
  <sheetViews>
    <sheetView tabSelected="1" zoomScale="85" zoomScaleNormal="85" zoomScaleSheetLayoutView="85" workbookViewId="0">
      <selection activeCell="K4" sqref="K4"/>
    </sheetView>
  </sheetViews>
  <sheetFormatPr defaultColWidth="9" defaultRowHeight="13.8" outlineLevelCol="1" x14ac:dyDescent="0.45"/>
  <cols>
    <col min="1" max="1" width="5.69921875" style="1" customWidth="1"/>
    <col min="2" max="2" width="5.59765625" style="1" bestFit="1" customWidth="1"/>
    <col min="3" max="3" width="40.59765625" style="1" customWidth="1"/>
    <col min="4" max="4" width="46.59765625" style="1" customWidth="1"/>
    <col min="5" max="5" width="4.8984375" style="1" hidden="1" customWidth="1" outlineLevel="1"/>
    <col min="6" max="6" width="24.8984375" style="1" hidden="1" customWidth="1" outlineLevel="1"/>
    <col min="7" max="8" width="16.3984375" style="1" hidden="1" customWidth="1" outlineLevel="1"/>
    <col min="9" max="9" width="9" style="1" collapsed="1"/>
    <col min="10" max="16384" width="9" style="1"/>
  </cols>
  <sheetData>
    <row r="1" spans="1:8" ht="33.85" customHeight="1" x14ac:dyDescent="0.45">
      <c r="A1" s="23" t="s">
        <v>33</v>
      </c>
      <c r="B1" s="21"/>
      <c r="C1" s="21"/>
      <c r="D1" s="22"/>
      <c r="E1" s="20"/>
      <c r="F1" s="20"/>
      <c r="G1" s="20"/>
      <c r="H1" s="20"/>
    </row>
    <row r="2" spans="1:8" ht="18.8" customHeight="1" x14ac:dyDescent="0.45">
      <c r="A2" s="28" t="s">
        <v>32</v>
      </c>
      <c r="B2" s="30" t="s">
        <v>0</v>
      </c>
      <c r="C2" s="30" t="s">
        <v>36</v>
      </c>
      <c r="D2" s="30" t="s">
        <v>34</v>
      </c>
      <c r="E2" s="30" t="s">
        <v>4</v>
      </c>
      <c r="F2" s="30"/>
      <c r="G2" s="30"/>
      <c r="H2" s="31"/>
    </row>
    <row r="3" spans="1:8" s="2" customFormat="1" x14ac:dyDescent="0.45">
      <c r="A3" s="29"/>
      <c r="B3" s="26"/>
      <c r="C3" s="26"/>
      <c r="D3" s="26"/>
      <c r="E3" s="6" t="s">
        <v>5</v>
      </c>
      <c r="F3" s="6" t="s">
        <v>6</v>
      </c>
      <c r="G3" s="26" t="s">
        <v>31</v>
      </c>
      <c r="H3" s="27"/>
    </row>
    <row r="4" spans="1:8" ht="247.5" customHeight="1" x14ac:dyDescent="0.45">
      <c r="A4" s="24" t="s">
        <v>1</v>
      </c>
      <c r="B4" s="7" t="s">
        <v>2</v>
      </c>
      <c r="C4" s="8"/>
      <c r="D4" s="8"/>
      <c r="E4" s="9" t="s">
        <v>3</v>
      </c>
      <c r="F4" s="10" t="s">
        <v>7</v>
      </c>
      <c r="G4" s="11"/>
      <c r="H4" s="12" t="s">
        <v>8</v>
      </c>
    </row>
    <row r="5" spans="1:8" ht="152.44999999999999" customHeight="1" x14ac:dyDescent="0.45">
      <c r="A5" s="24"/>
      <c r="B5" s="7" t="s">
        <v>35</v>
      </c>
      <c r="C5" s="8"/>
      <c r="D5" s="8"/>
      <c r="E5" s="9" t="s">
        <v>9</v>
      </c>
      <c r="F5" s="10" t="s">
        <v>10</v>
      </c>
      <c r="G5" s="11" t="s">
        <v>11</v>
      </c>
      <c r="H5" s="12" t="s">
        <v>12</v>
      </c>
    </row>
    <row r="6" spans="1:8" ht="147.6" customHeight="1" x14ac:dyDescent="0.45">
      <c r="A6" s="24"/>
      <c r="B6" s="7" t="s">
        <v>13</v>
      </c>
      <c r="C6" s="8"/>
      <c r="D6" s="8"/>
      <c r="E6" s="9" t="s">
        <v>19</v>
      </c>
      <c r="F6" s="10" t="s">
        <v>20</v>
      </c>
      <c r="G6" s="11" t="s">
        <v>21</v>
      </c>
      <c r="H6" s="12" t="s">
        <v>22</v>
      </c>
    </row>
    <row r="7" spans="1:8" ht="88.45" customHeight="1" x14ac:dyDescent="0.45">
      <c r="A7" s="24" t="s">
        <v>14</v>
      </c>
      <c r="B7" s="7" t="s">
        <v>15</v>
      </c>
      <c r="C7" s="8"/>
      <c r="D7" s="8"/>
      <c r="E7" s="9" t="s">
        <v>23</v>
      </c>
      <c r="F7" s="10" t="s">
        <v>24</v>
      </c>
      <c r="G7" s="11" t="s">
        <v>25</v>
      </c>
      <c r="H7" s="12" t="s">
        <v>26</v>
      </c>
    </row>
    <row r="8" spans="1:8" ht="84.7" customHeight="1" x14ac:dyDescent="0.45">
      <c r="A8" s="25"/>
      <c r="B8" s="7" t="s">
        <v>16</v>
      </c>
      <c r="C8" s="8"/>
      <c r="D8" s="8"/>
      <c r="E8" s="9" t="s">
        <v>27</v>
      </c>
      <c r="F8" s="10" t="s">
        <v>20</v>
      </c>
      <c r="G8" s="11"/>
      <c r="H8" s="12"/>
    </row>
    <row r="9" spans="1:8" ht="72" customHeight="1" x14ac:dyDescent="0.45">
      <c r="A9" s="13" t="s">
        <v>17</v>
      </c>
      <c r="B9" s="14" t="s">
        <v>18</v>
      </c>
      <c r="C9" s="15"/>
      <c r="D9" s="15"/>
      <c r="E9" s="16">
        <v>19</v>
      </c>
      <c r="F9" s="17" t="s">
        <v>28</v>
      </c>
      <c r="G9" s="18" t="s">
        <v>29</v>
      </c>
      <c r="H9" s="19" t="s">
        <v>30</v>
      </c>
    </row>
    <row r="10" spans="1:8" ht="76.55" customHeight="1" x14ac:dyDescent="0.45">
      <c r="E10" s="4"/>
      <c r="F10" s="3"/>
      <c r="G10" s="5"/>
      <c r="H10" s="5"/>
    </row>
    <row r="11" spans="1:8" x14ac:dyDescent="0.45">
      <c r="E11" s="4"/>
      <c r="F11" s="3"/>
      <c r="G11" s="5"/>
      <c r="H11" s="5"/>
    </row>
    <row r="12" spans="1:8" x14ac:dyDescent="0.45">
      <c r="E12" s="4"/>
      <c r="F12" s="3"/>
      <c r="G12" s="5"/>
      <c r="H12" s="5"/>
    </row>
    <row r="13" spans="1:8" x14ac:dyDescent="0.45">
      <c r="E13" s="4"/>
      <c r="F13" s="3"/>
      <c r="G13" s="5"/>
      <c r="H13" s="5"/>
    </row>
    <row r="14" spans="1:8" x14ac:dyDescent="0.45">
      <c r="E14" s="4"/>
      <c r="F14" s="3"/>
      <c r="G14" s="5"/>
      <c r="H14" s="5"/>
    </row>
    <row r="15" spans="1:8" x14ac:dyDescent="0.45">
      <c r="E15" s="4"/>
      <c r="F15" s="3"/>
      <c r="G15" s="5"/>
      <c r="H15" s="5"/>
    </row>
    <row r="16" spans="1:8" x14ac:dyDescent="0.45">
      <c r="E16" s="4"/>
      <c r="F16" s="3"/>
      <c r="G16" s="5"/>
      <c r="H16" s="5"/>
    </row>
    <row r="17" spans="5:8" x14ac:dyDescent="0.45">
      <c r="E17" s="4"/>
      <c r="F17" s="3"/>
      <c r="G17" s="5"/>
      <c r="H17" s="5"/>
    </row>
    <row r="18" spans="5:8" x14ac:dyDescent="0.45">
      <c r="E18" s="4"/>
      <c r="F18" s="3"/>
      <c r="G18" s="5"/>
      <c r="H18" s="5"/>
    </row>
    <row r="19" spans="5:8" x14ac:dyDescent="0.45">
      <c r="E19" s="4"/>
      <c r="F19" s="3"/>
      <c r="G19" s="5"/>
      <c r="H19" s="5"/>
    </row>
    <row r="20" spans="5:8" x14ac:dyDescent="0.45">
      <c r="E20" s="4"/>
      <c r="F20" s="3"/>
      <c r="G20" s="5"/>
      <c r="H20" s="5"/>
    </row>
    <row r="21" spans="5:8" x14ac:dyDescent="0.45">
      <c r="E21" s="4"/>
      <c r="F21" s="3"/>
      <c r="G21" s="5"/>
      <c r="H21" s="5"/>
    </row>
    <row r="22" spans="5:8" x14ac:dyDescent="0.45">
      <c r="E22" s="4"/>
      <c r="F22" s="3"/>
      <c r="G22" s="5"/>
      <c r="H22" s="5"/>
    </row>
    <row r="23" spans="5:8" x14ac:dyDescent="0.45">
      <c r="E23" s="4"/>
      <c r="F23" s="3"/>
      <c r="G23" s="5"/>
      <c r="H23" s="5"/>
    </row>
    <row r="24" spans="5:8" x14ac:dyDescent="0.45">
      <c r="E24" s="4"/>
      <c r="F24" s="3"/>
      <c r="G24" s="5"/>
      <c r="H24" s="5"/>
    </row>
    <row r="25" spans="5:8" x14ac:dyDescent="0.45">
      <c r="E25" s="4"/>
      <c r="F25" s="3"/>
      <c r="G25" s="5"/>
      <c r="H25" s="5"/>
    </row>
    <row r="26" spans="5:8" x14ac:dyDescent="0.45">
      <c r="E26" s="4"/>
      <c r="F26" s="3"/>
      <c r="G26" s="5"/>
      <c r="H26" s="5"/>
    </row>
    <row r="27" spans="5:8" x14ac:dyDescent="0.45">
      <c r="E27" s="4"/>
      <c r="F27" s="3"/>
      <c r="G27" s="5"/>
      <c r="H27" s="5"/>
    </row>
    <row r="28" spans="5:8" x14ac:dyDescent="0.45">
      <c r="E28" s="4"/>
      <c r="F28" s="3"/>
      <c r="G28" s="5"/>
      <c r="H28" s="5"/>
    </row>
    <row r="29" spans="5:8" x14ac:dyDescent="0.45">
      <c r="E29" s="4"/>
      <c r="F29" s="3"/>
      <c r="G29" s="5"/>
      <c r="H29" s="5"/>
    </row>
    <row r="30" spans="5:8" x14ac:dyDescent="0.45">
      <c r="E30" s="4"/>
      <c r="F30" s="3"/>
      <c r="G30" s="5"/>
      <c r="H30" s="5"/>
    </row>
    <row r="31" spans="5:8" x14ac:dyDescent="0.45">
      <c r="E31" s="4"/>
      <c r="F31" s="3"/>
      <c r="G31" s="5"/>
      <c r="H31" s="5"/>
    </row>
    <row r="32" spans="5:8" x14ac:dyDescent="0.45">
      <c r="E32" s="4"/>
      <c r="F32" s="3"/>
      <c r="G32" s="5"/>
      <c r="H32" s="5"/>
    </row>
    <row r="33" spans="5:8" x14ac:dyDescent="0.45">
      <c r="E33" s="4"/>
      <c r="F33" s="3"/>
      <c r="G33" s="5"/>
      <c r="H33" s="5"/>
    </row>
    <row r="34" spans="5:8" x14ac:dyDescent="0.45">
      <c r="E34" s="4"/>
      <c r="F34" s="3"/>
      <c r="G34" s="5"/>
      <c r="H34" s="5"/>
    </row>
    <row r="35" spans="5:8" x14ac:dyDescent="0.45">
      <c r="E35" s="4"/>
      <c r="F35" s="3"/>
      <c r="G35" s="5"/>
      <c r="H35" s="5"/>
    </row>
    <row r="36" spans="5:8" x14ac:dyDescent="0.45">
      <c r="E36" s="4"/>
      <c r="F36" s="3"/>
      <c r="G36" s="5"/>
      <c r="H36" s="5"/>
    </row>
    <row r="37" spans="5:8" x14ac:dyDescent="0.45">
      <c r="E37" s="4"/>
      <c r="F37" s="3"/>
      <c r="G37" s="5"/>
      <c r="H37" s="5"/>
    </row>
    <row r="38" spans="5:8" x14ac:dyDescent="0.45">
      <c r="E38" s="4"/>
      <c r="F38" s="3"/>
      <c r="G38" s="5"/>
      <c r="H38" s="5"/>
    </row>
    <row r="39" spans="5:8" x14ac:dyDescent="0.45">
      <c r="E39" s="4"/>
      <c r="F39" s="3"/>
      <c r="G39" s="5"/>
      <c r="H39" s="5"/>
    </row>
    <row r="40" spans="5:8" x14ac:dyDescent="0.45">
      <c r="E40" s="4"/>
      <c r="F40" s="3"/>
      <c r="G40" s="5"/>
      <c r="H40" s="5"/>
    </row>
    <row r="41" spans="5:8" x14ac:dyDescent="0.45">
      <c r="E41" s="4"/>
      <c r="F41" s="3"/>
      <c r="G41" s="5"/>
      <c r="H41" s="5"/>
    </row>
    <row r="42" spans="5:8" x14ac:dyDescent="0.45">
      <c r="E42" s="4"/>
      <c r="F42" s="3"/>
      <c r="G42" s="5"/>
      <c r="H42" s="5"/>
    </row>
    <row r="43" spans="5:8" x14ac:dyDescent="0.45">
      <c r="E43" s="4"/>
      <c r="F43" s="3"/>
      <c r="G43" s="5"/>
      <c r="H43" s="5"/>
    </row>
    <row r="44" spans="5:8" x14ac:dyDescent="0.45">
      <c r="E44" s="4"/>
      <c r="F44" s="3"/>
      <c r="G44" s="5"/>
      <c r="H44" s="5"/>
    </row>
    <row r="45" spans="5:8" x14ac:dyDescent="0.45">
      <c r="E45" s="4"/>
      <c r="F45" s="3"/>
      <c r="G45" s="5"/>
      <c r="H45" s="5"/>
    </row>
    <row r="46" spans="5:8" x14ac:dyDescent="0.45">
      <c r="E46" s="4"/>
      <c r="F46" s="3"/>
      <c r="G46" s="5"/>
      <c r="H46" s="5"/>
    </row>
    <row r="47" spans="5:8" x14ac:dyDescent="0.45">
      <c r="E47" s="4"/>
      <c r="F47" s="3"/>
      <c r="G47" s="5"/>
      <c r="H47" s="5"/>
    </row>
    <row r="48" spans="5:8" x14ac:dyDescent="0.45">
      <c r="E48" s="4"/>
      <c r="F48" s="3"/>
      <c r="G48" s="5"/>
      <c r="H48" s="5"/>
    </row>
    <row r="49" spans="5:8" x14ac:dyDescent="0.45">
      <c r="E49" s="4"/>
      <c r="F49" s="3"/>
      <c r="G49" s="5"/>
      <c r="H49" s="5"/>
    </row>
    <row r="50" spans="5:8" x14ac:dyDescent="0.45">
      <c r="E50" s="4"/>
      <c r="F50" s="3"/>
      <c r="G50" s="5"/>
      <c r="H50" s="5"/>
    </row>
    <row r="51" spans="5:8" x14ac:dyDescent="0.45">
      <c r="E51" s="4"/>
      <c r="F51" s="3"/>
      <c r="G51" s="5"/>
      <c r="H51" s="5"/>
    </row>
    <row r="52" spans="5:8" x14ac:dyDescent="0.45">
      <c r="E52" s="4"/>
      <c r="F52" s="3"/>
      <c r="G52" s="5"/>
      <c r="H52" s="5"/>
    </row>
    <row r="53" spans="5:8" x14ac:dyDescent="0.45">
      <c r="E53" s="4"/>
      <c r="F53" s="3"/>
      <c r="G53" s="5"/>
      <c r="H53" s="5"/>
    </row>
    <row r="54" spans="5:8" x14ac:dyDescent="0.45">
      <c r="E54" s="4"/>
      <c r="F54" s="3"/>
      <c r="G54" s="5"/>
      <c r="H54" s="5"/>
    </row>
    <row r="55" spans="5:8" x14ac:dyDescent="0.45">
      <c r="E55" s="4"/>
      <c r="F55" s="3"/>
      <c r="G55" s="5"/>
      <c r="H55" s="5"/>
    </row>
    <row r="56" spans="5:8" x14ac:dyDescent="0.45">
      <c r="E56" s="4"/>
      <c r="F56" s="3"/>
      <c r="G56" s="5"/>
      <c r="H56" s="5"/>
    </row>
    <row r="57" spans="5:8" x14ac:dyDescent="0.45">
      <c r="E57" s="4"/>
      <c r="F57" s="3"/>
      <c r="G57" s="5"/>
      <c r="H57" s="5"/>
    </row>
    <row r="58" spans="5:8" x14ac:dyDescent="0.45">
      <c r="E58" s="4"/>
      <c r="F58" s="3"/>
      <c r="G58" s="5"/>
      <c r="H58" s="5"/>
    </row>
    <row r="59" spans="5:8" x14ac:dyDescent="0.45">
      <c r="E59" s="4"/>
      <c r="F59" s="3"/>
      <c r="G59" s="5"/>
      <c r="H59" s="5"/>
    </row>
    <row r="60" spans="5:8" x14ac:dyDescent="0.45">
      <c r="E60" s="4"/>
      <c r="F60" s="3"/>
      <c r="G60" s="5"/>
      <c r="H60" s="5"/>
    </row>
    <row r="61" spans="5:8" x14ac:dyDescent="0.45">
      <c r="E61" s="4"/>
      <c r="F61" s="3"/>
      <c r="G61" s="5"/>
      <c r="H61" s="5"/>
    </row>
    <row r="62" spans="5:8" x14ac:dyDescent="0.45">
      <c r="E62" s="4"/>
      <c r="F62" s="3"/>
      <c r="G62" s="5"/>
      <c r="H62" s="5"/>
    </row>
    <row r="63" spans="5:8" x14ac:dyDescent="0.45">
      <c r="E63" s="4"/>
      <c r="F63" s="3"/>
      <c r="G63" s="5"/>
      <c r="H63" s="5"/>
    </row>
    <row r="64" spans="5:8" x14ac:dyDescent="0.45">
      <c r="E64" s="4"/>
      <c r="F64" s="3"/>
      <c r="G64" s="5"/>
      <c r="H64" s="5"/>
    </row>
    <row r="65" spans="5:8" x14ac:dyDescent="0.45">
      <c r="E65" s="4"/>
      <c r="F65" s="3"/>
      <c r="G65" s="5"/>
      <c r="H65" s="5"/>
    </row>
    <row r="66" spans="5:8" x14ac:dyDescent="0.45">
      <c r="E66" s="4"/>
      <c r="F66" s="3"/>
      <c r="G66" s="5"/>
      <c r="H66" s="5"/>
    </row>
    <row r="67" spans="5:8" x14ac:dyDescent="0.45">
      <c r="E67" s="4"/>
      <c r="F67" s="3"/>
      <c r="G67" s="5"/>
      <c r="H67" s="5"/>
    </row>
    <row r="68" spans="5:8" x14ac:dyDescent="0.45">
      <c r="E68" s="4"/>
      <c r="F68" s="3"/>
      <c r="G68" s="5"/>
      <c r="H68" s="5"/>
    </row>
    <row r="69" spans="5:8" x14ac:dyDescent="0.45">
      <c r="E69" s="4"/>
      <c r="F69" s="3"/>
      <c r="G69" s="5"/>
      <c r="H69" s="5"/>
    </row>
    <row r="70" spans="5:8" x14ac:dyDescent="0.45">
      <c r="E70" s="4"/>
      <c r="F70" s="3"/>
      <c r="G70" s="5"/>
      <c r="H70" s="5"/>
    </row>
    <row r="71" spans="5:8" x14ac:dyDescent="0.45">
      <c r="E71" s="4"/>
      <c r="F71" s="3"/>
      <c r="G71" s="5"/>
      <c r="H71" s="5"/>
    </row>
    <row r="72" spans="5:8" x14ac:dyDescent="0.45">
      <c r="E72" s="4"/>
      <c r="F72" s="3"/>
      <c r="G72" s="5"/>
      <c r="H72" s="5"/>
    </row>
    <row r="73" spans="5:8" x14ac:dyDescent="0.45">
      <c r="E73" s="4"/>
      <c r="F73" s="3"/>
      <c r="G73" s="5"/>
      <c r="H73" s="5"/>
    </row>
    <row r="74" spans="5:8" x14ac:dyDescent="0.45">
      <c r="E74" s="4"/>
      <c r="F74" s="3"/>
      <c r="G74" s="5"/>
      <c r="H74" s="5"/>
    </row>
    <row r="75" spans="5:8" x14ac:dyDescent="0.45">
      <c r="E75" s="4"/>
      <c r="F75" s="3"/>
      <c r="G75" s="5"/>
      <c r="H75" s="5"/>
    </row>
    <row r="76" spans="5:8" x14ac:dyDescent="0.45">
      <c r="E76" s="4"/>
      <c r="F76" s="3"/>
      <c r="G76" s="5"/>
      <c r="H76" s="5"/>
    </row>
    <row r="77" spans="5:8" x14ac:dyDescent="0.45">
      <c r="E77" s="4"/>
      <c r="F77" s="3"/>
      <c r="G77" s="5"/>
      <c r="H77" s="5"/>
    </row>
    <row r="78" spans="5:8" x14ac:dyDescent="0.45">
      <c r="E78" s="4"/>
      <c r="F78" s="3"/>
      <c r="G78" s="5"/>
      <c r="H78" s="5"/>
    </row>
    <row r="79" spans="5:8" x14ac:dyDescent="0.45">
      <c r="E79" s="4"/>
      <c r="F79" s="3"/>
      <c r="G79" s="5"/>
      <c r="H79" s="5"/>
    </row>
    <row r="80" spans="5:8" x14ac:dyDescent="0.45">
      <c r="E80" s="4"/>
      <c r="F80" s="3"/>
      <c r="G80" s="5"/>
      <c r="H80" s="5"/>
    </row>
    <row r="81" spans="5:8" x14ac:dyDescent="0.45">
      <c r="E81" s="4"/>
      <c r="F81" s="3"/>
      <c r="G81" s="5"/>
      <c r="H81" s="5"/>
    </row>
    <row r="82" spans="5:8" x14ac:dyDescent="0.45">
      <c r="E82" s="4"/>
      <c r="F82" s="3"/>
      <c r="G82" s="5"/>
      <c r="H82" s="5"/>
    </row>
    <row r="83" spans="5:8" x14ac:dyDescent="0.45">
      <c r="E83" s="4"/>
      <c r="F83" s="3"/>
      <c r="G83" s="5"/>
      <c r="H83" s="5"/>
    </row>
    <row r="84" spans="5:8" x14ac:dyDescent="0.45">
      <c r="E84" s="4"/>
      <c r="F84" s="3"/>
      <c r="G84" s="5"/>
      <c r="H84" s="5"/>
    </row>
    <row r="85" spans="5:8" x14ac:dyDescent="0.45">
      <c r="E85" s="4"/>
      <c r="F85" s="3"/>
      <c r="G85" s="5"/>
      <c r="H85" s="5"/>
    </row>
    <row r="86" spans="5:8" x14ac:dyDescent="0.45">
      <c r="E86" s="4"/>
      <c r="F86" s="3"/>
      <c r="G86" s="5"/>
      <c r="H86" s="5"/>
    </row>
    <row r="87" spans="5:8" x14ac:dyDescent="0.45">
      <c r="E87" s="4"/>
      <c r="F87" s="3"/>
      <c r="G87" s="5"/>
      <c r="H87" s="5"/>
    </row>
    <row r="88" spans="5:8" x14ac:dyDescent="0.45">
      <c r="E88" s="4"/>
      <c r="F88" s="3"/>
      <c r="G88" s="5"/>
      <c r="H88" s="5"/>
    </row>
    <row r="89" spans="5:8" x14ac:dyDescent="0.45">
      <c r="E89" s="4"/>
      <c r="F89" s="3"/>
      <c r="G89" s="5"/>
      <c r="H89" s="5"/>
    </row>
    <row r="90" spans="5:8" x14ac:dyDescent="0.45">
      <c r="E90" s="4"/>
      <c r="F90" s="3"/>
      <c r="G90" s="5"/>
      <c r="H90" s="5"/>
    </row>
    <row r="91" spans="5:8" x14ac:dyDescent="0.45">
      <c r="E91" s="4"/>
      <c r="F91" s="3"/>
      <c r="G91" s="5"/>
      <c r="H91" s="5"/>
    </row>
    <row r="92" spans="5:8" x14ac:dyDescent="0.45">
      <c r="E92" s="4"/>
      <c r="F92" s="3"/>
      <c r="G92" s="5"/>
      <c r="H92" s="5"/>
    </row>
    <row r="93" spans="5:8" x14ac:dyDescent="0.45">
      <c r="E93" s="4"/>
      <c r="F93" s="3"/>
      <c r="G93" s="5"/>
      <c r="H93" s="5"/>
    </row>
    <row r="94" spans="5:8" x14ac:dyDescent="0.45">
      <c r="E94" s="4"/>
      <c r="F94" s="3"/>
      <c r="G94" s="5"/>
      <c r="H94" s="5"/>
    </row>
    <row r="95" spans="5:8" x14ac:dyDescent="0.45">
      <c r="E95" s="4"/>
      <c r="F95" s="3"/>
      <c r="G95" s="5"/>
      <c r="H95" s="5"/>
    </row>
    <row r="96" spans="5:8" x14ac:dyDescent="0.45">
      <c r="E96" s="4"/>
      <c r="F96" s="3"/>
      <c r="G96" s="5"/>
      <c r="H96" s="5"/>
    </row>
    <row r="97" spans="5:8" x14ac:dyDescent="0.45">
      <c r="E97" s="4"/>
      <c r="F97" s="3"/>
      <c r="G97" s="5"/>
      <c r="H97" s="5"/>
    </row>
    <row r="98" spans="5:8" x14ac:dyDescent="0.45">
      <c r="E98" s="4"/>
      <c r="F98" s="3"/>
      <c r="G98" s="5"/>
      <c r="H98" s="5"/>
    </row>
    <row r="99" spans="5:8" x14ac:dyDescent="0.45">
      <c r="E99" s="4"/>
      <c r="F99" s="3"/>
      <c r="G99" s="5"/>
      <c r="H99" s="5"/>
    </row>
    <row r="100" spans="5:8" x14ac:dyDescent="0.45">
      <c r="E100" s="4"/>
      <c r="F100" s="3"/>
      <c r="G100" s="5"/>
      <c r="H100" s="5"/>
    </row>
    <row r="101" spans="5:8" x14ac:dyDescent="0.45">
      <c r="E101" s="4"/>
      <c r="F101" s="3"/>
      <c r="G101" s="5"/>
      <c r="H101" s="5"/>
    </row>
    <row r="102" spans="5:8" x14ac:dyDescent="0.45">
      <c r="E102" s="4"/>
      <c r="F102" s="3"/>
      <c r="G102" s="5"/>
      <c r="H102" s="5"/>
    </row>
    <row r="103" spans="5:8" x14ac:dyDescent="0.45">
      <c r="E103" s="4"/>
      <c r="F103" s="3"/>
      <c r="G103" s="5"/>
      <c r="H103" s="5"/>
    </row>
    <row r="104" spans="5:8" x14ac:dyDescent="0.45">
      <c r="E104" s="4"/>
      <c r="F104" s="3"/>
      <c r="G104" s="5"/>
      <c r="H104" s="5"/>
    </row>
    <row r="105" spans="5:8" x14ac:dyDescent="0.45">
      <c r="E105" s="4"/>
      <c r="F105" s="3"/>
      <c r="G105" s="5"/>
      <c r="H105" s="5"/>
    </row>
    <row r="106" spans="5:8" x14ac:dyDescent="0.45">
      <c r="E106" s="4"/>
      <c r="F106" s="3"/>
      <c r="G106" s="5"/>
      <c r="H106" s="5"/>
    </row>
    <row r="107" spans="5:8" x14ac:dyDescent="0.45">
      <c r="E107" s="4"/>
      <c r="F107" s="3"/>
      <c r="G107" s="5"/>
      <c r="H107" s="5"/>
    </row>
    <row r="108" spans="5:8" x14ac:dyDescent="0.45">
      <c r="E108" s="4"/>
      <c r="F108" s="3"/>
      <c r="G108" s="5"/>
      <c r="H108" s="5"/>
    </row>
    <row r="109" spans="5:8" x14ac:dyDescent="0.45">
      <c r="E109" s="4"/>
      <c r="F109" s="3"/>
      <c r="G109" s="5"/>
      <c r="H109" s="5"/>
    </row>
    <row r="110" spans="5:8" x14ac:dyDescent="0.45">
      <c r="E110" s="4"/>
      <c r="F110" s="3"/>
      <c r="G110" s="5"/>
      <c r="H110" s="5"/>
    </row>
    <row r="111" spans="5:8" x14ac:dyDescent="0.45">
      <c r="E111" s="4"/>
      <c r="F111" s="3"/>
      <c r="G111" s="5"/>
      <c r="H111" s="5"/>
    </row>
    <row r="112" spans="5:8" x14ac:dyDescent="0.45">
      <c r="E112" s="4"/>
      <c r="F112" s="3"/>
      <c r="G112" s="5"/>
      <c r="H112" s="5"/>
    </row>
    <row r="113" spans="5:8" x14ac:dyDescent="0.45">
      <c r="E113" s="4"/>
      <c r="F113" s="3"/>
      <c r="G113" s="5"/>
      <c r="H113" s="5"/>
    </row>
    <row r="114" spans="5:8" x14ac:dyDescent="0.45">
      <c r="E114" s="4"/>
      <c r="F114" s="3"/>
      <c r="G114" s="5"/>
      <c r="H114" s="5"/>
    </row>
    <row r="115" spans="5:8" x14ac:dyDescent="0.45">
      <c r="E115" s="4"/>
      <c r="F115" s="3"/>
      <c r="G115" s="5"/>
      <c r="H115" s="5"/>
    </row>
    <row r="116" spans="5:8" x14ac:dyDescent="0.45">
      <c r="E116" s="4"/>
      <c r="F116" s="3"/>
      <c r="G116" s="5"/>
      <c r="H116" s="5"/>
    </row>
    <row r="117" spans="5:8" x14ac:dyDescent="0.45">
      <c r="E117" s="4"/>
      <c r="F117" s="3"/>
      <c r="G117" s="5"/>
      <c r="H117" s="5"/>
    </row>
    <row r="118" spans="5:8" x14ac:dyDescent="0.45">
      <c r="E118" s="4"/>
      <c r="F118" s="3"/>
      <c r="G118" s="5"/>
      <c r="H118" s="5"/>
    </row>
    <row r="119" spans="5:8" x14ac:dyDescent="0.45">
      <c r="E119" s="4"/>
      <c r="F119" s="3"/>
      <c r="G119" s="5"/>
      <c r="H119" s="5"/>
    </row>
    <row r="120" spans="5:8" x14ac:dyDescent="0.45">
      <c r="E120" s="4"/>
      <c r="F120" s="3"/>
      <c r="G120" s="5"/>
      <c r="H120" s="5"/>
    </row>
    <row r="121" spans="5:8" x14ac:dyDescent="0.45">
      <c r="E121" s="4"/>
      <c r="F121" s="3"/>
      <c r="G121" s="5"/>
      <c r="H121" s="5"/>
    </row>
    <row r="122" spans="5:8" x14ac:dyDescent="0.45">
      <c r="E122" s="4"/>
      <c r="F122" s="3"/>
      <c r="G122" s="5"/>
      <c r="H122" s="5"/>
    </row>
    <row r="123" spans="5:8" x14ac:dyDescent="0.45">
      <c r="E123" s="4"/>
      <c r="F123" s="3"/>
      <c r="G123" s="5"/>
      <c r="H123" s="5"/>
    </row>
    <row r="124" spans="5:8" x14ac:dyDescent="0.45">
      <c r="E124" s="4"/>
      <c r="F124" s="3"/>
      <c r="G124" s="5"/>
      <c r="H124" s="5"/>
    </row>
    <row r="125" spans="5:8" x14ac:dyDescent="0.45">
      <c r="E125" s="4"/>
      <c r="F125" s="3"/>
      <c r="G125" s="5"/>
      <c r="H125" s="5"/>
    </row>
    <row r="126" spans="5:8" x14ac:dyDescent="0.45">
      <c r="E126" s="4"/>
      <c r="F126" s="3"/>
      <c r="G126" s="5"/>
      <c r="H126" s="5"/>
    </row>
    <row r="127" spans="5:8" x14ac:dyDescent="0.45">
      <c r="E127" s="4"/>
      <c r="F127" s="3"/>
      <c r="G127" s="5"/>
      <c r="H127" s="5"/>
    </row>
    <row r="128" spans="5:8" x14ac:dyDescent="0.45">
      <c r="E128" s="4"/>
      <c r="F128" s="3"/>
      <c r="G128" s="5"/>
      <c r="H128" s="5"/>
    </row>
    <row r="129" spans="5:8" x14ac:dyDescent="0.45">
      <c r="E129" s="4"/>
      <c r="F129" s="3"/>
      <c r="G129" s="5"/>
      <c r="H129" s="5"/>
    </row>
    <row r="130" spans="5:8" x14ac:dyDescent="0.45">
      <c r="E130" s="4"/>
      <c r="F130" s="3"/>
      <c r="G130" s="5"/>
      <c r="H130" s="5"/>
    </row>
    <row r="131" spans="5:8" x14ac:dyDescent="0.45">
      <c r="E131" s="4"/>
      <c r="F131" s="3"/>
      <c r="G131" s="5"/>
      <c r="H131" s="5"/>
    </row>
    <row r="132" spans="5:8" x14ac:dyDescent="0.45">
      <c r="E132" s="4"/>
      <c r="F132" s="3"/>
      <c r="G132" s="5"/>
      <c r="H132" s="5"/>
    </row>
    <row r="133" spans="5:8" x14ac:dyDescent="0.45">
      <c r="E133" s="4"/>
      <c r="F133" s="3"/>
      <c r="G133" s="5"/>
      <c r="H133" s="5"/>
    </row>
    <row r="134" spans="5:8" x14ac:dyDescent="0.45">
      <c r="E134" s="4"/>
      <c r="F134" s="3"/>
      <c r="G134" s="5"/>
      <c r="H134" s="5"/>
    </row>
    <row r="135" spans="5:8" x14ac:dyDescent="0.45">
      <c r="E135" s="4"/>
      <c r="F135" s="3"/>
      <c r="G135" s="5"/>
      <c r="H135" s="5"/>
    </row>
    <row r="136" spans="5:8" x14ac:dyDescent="0.45">
      <c r="E136" s="4"/>
      <c r="F136" s="3"/>
      <c r="G136" s="5"/>
      <c r="H136" s="5"/>
    </row>
    <row r="137" spans="5:8" x14ac:dyDescent="0.45">
      <c r="E137" s="4"/>
      <c r="F137" s="3"/>
      <c r="G137" s="5"/>
      <c r="H137" s="5"/>
    </row>
    <row r="138" spans="5:8" x14ac:dyDescent="0.45">
      <c r="E138" s="4"/>
      <c r="F138" s="3"/>
      <c r="G138" s="5"/>
      <c r="H138" s="5"/>
    </row>
    <row r="139" spans="5:8" x14ac:dyDescent="0.45">
      <c r="E139" s="4"/>
      <c r="F139" s="3"/>
      <c r="G139" s="5"/>
      <c r="H139" s="5"/>
    </row>
    <row r="140" spans="5:8" x14ac:dyDescent="0.45">
      <c r="E140" s="4"/>
      <c r="F140" s="3"/>
      <c r="G140" s="5"/>
      <c r="H140" s="5"/>
    </row>
    <row r="141" spans="5:8" x14ac:dyDescent="0.45">
      <c r="E141" s="4"/>
      <c r="F141" s="3"/>
      <c r="G141" s="5"/>
      <c r="H141" s="5"/>
    </row>
    <row r="142" spans="5:8" x14ac:dyDescent="0.45">
      <c r="E142" s="4"/>
      <c r="F142" s="3"/>
      <c r="G142" s="5"/>
      <c r="H142" s="5"/>
    </row>
    <row r="143" spans="5:8" x14ac:dyDescent="0.45">
      <c r="E143" s="4"/>
      <c r="F143" s="3"/>
      <c r="G143" s="5"/>
      <c r="H143" s="5"/>
    </row>
    <row r="144" spans="5:8" x14ac:dyDescent="0.45">
      <c r="E144" s="4"/>
      <c r="F144" s="3"/>
      <c r="G144" s="5"/>
      <c r="H144" s="5"/>
    </row>
    <row r="145" spans="5:8" x14ac:dyDescent="0.45">
      <c r="E145" s="4"/>
      <c r="F145" s="3"/>
      <c r="G145" s="5"/>
      <c r="H145" s="5"/>
    </row>
    <row r="146" spans="5:8" x14ac:dyDescent="0.45">
      <c r="E146" s="4"/>
      <c r="F146" s="3"/>
      <c r="G146" s="5"/>
      <c r="H146" s="5"/>
    </row>
    <row r="147" spans="5:8" x14ac:dyDescent="0.45">
      <c r="E147" s="4"/>
      <c r="F147" s="3"/>
      <c r="G147" s="5"/>
      <c r="H147" s="5"/>
    </row>
    <row r="148" spans="5:8" x14ac:dyDescent="0.45">
      <c r="E148" s="4"/>
      <c r="F148" s="3"/>
      <c r="G148" s="5"/>
      <c r="H148" s="5"/>
    </row>
    <row r="149" spans="5:8" x14ac:dyDescent="0.45">
      <c r="E149" s="4"/>
      <c r="F149" s="3"/>
      <c r="G149" s="5"/>
      <c r="H149" s="5"/>
    </row>
    <row r="150" spans="5:8" x14ac:dyDescent="0.45">
      <c r="E150" s="4"/>
      <c r="F150" s="3"/>
      <c r="G150" s="5"/>
      <c r="H150" s="5"/>
    </row>
    <row r="151" spans="5:8" x14ac:dyDescent="0.45">
      <c r="E151" s="4"/>
      <c r="F151" s="3"/>
      <c r="G151" s="5"/>
      <c r="H151" s="5"/>
    </row>
    <row r="152" spans="5:8" x14ac:dyDescent="0.45">
      <c r="E152" s="4"/>
      <c r="F152" s="3"/>
      <c r="G152" s="5"/>
      <c r="H152" s="5"/>
    </row>
    <row r="153" spans="5:8" x14ac:dyDescent="0.45">
      <c r="E153" s="4"/>
      <c r="F153" s="3"/>
      <c r="G153" s="5"/>
      <c r="H153" s="5"/>
    </row>
    <row r="154" spans="5:8" x14ac:dyDescent="0.45">
      <c r="E154" s="4"/>
      <c r="F154" s="3"/>
      <c r="G154" s="5"/>
      <c r="H154" s="5"/>
    </row>
    <row r="155" spans="5:8" x14ac:dyDescent="0.45">
      <c r="E155" s="4"/>
      <c r="F155" s="3"/>
      <c r="G155" s="5"/>
      <c r="H155" s="5"/>
    </row>
    <row r="156" spans="5:8" x14ac:dyDescent="0.45">
      <c r="E156" s="4"/>
      <c r="F156" s="3"/>
      <c r="G156" s="5"/>
      <c r="H156" s="5"/>
    </row>
    <row r="157" spans="5:8" x14ac:dyDescent="0.45">
      <c r="E157" s="4"/>
      <c r="F157" s="3"/>
      <c r="G157" s="5"/>
      <c r="H157" s="5"/>
    </row>
    <row r="158" spans="5:8" x14ac:dyDescent="0.45">
      <c r="E158" s="4"/>
      <c r="F158" s="3"/>
      <c r="G158" s="5"/>
      <c r="H158" s="5"/>
    </row>
  </sheetData>
  <mergeCells count="8">
    <mergeCell ref="A4:A6"/>
    <mergeCell ref="A7:A8"/>
    <mergeCell ref="G3:H3"/>
    <mergeCell ref="A2:A3"/>
    <mergeCell ref="B2:B3"/>
    <mergeCell ref="C2:C3"/>
    <mergeCell ref="D2:D3"/>
    <mergeCell ref="E2:H2"/>
  </mergeCells>
  <phoneticPr fontId="2"/>
  <pageMargins left="0.51181102362204722" right="0.51181102362204722" top="0.55118110236220474" bottom="0.55118110236220474" header="0.31496062992125984" footer="0.31496062992125984"/>
  <pageSetup paperSize="9" scale="86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全体フロ―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前澤　直人</dc:creator>
  <cp:lastModifiedBy>富山市役所</cp:lastModifiedBy>
  <cp:lastPrinted>2023-03-17T06:37:05Z</cp:lastPrinted>
  <dcterms:created xsi:type="dcterms:W3CDTF">2019-10-10T05:07:48Z</dcterms:created>
  <dcterms:modified xsi:type="dcterms:W3CDTF">2023-03-17T06:38:56Z</dcterms:modified>
</cp:coreProperties>
</file>